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 autoCompressPictures="0">
  <p:sldMasterIdLst>
    <p:sldMasterId id="2147483648" r:id="rId20"/>
  </p:sldMasterIdLst>
  <p:notesMasterIdLst>
    <p:notesMasterId r:id="rId74"/>
  </p:notesMasterIdLst>
  <p:handoutMasterIdLst>
    <p:handoutMasterId r:id="rId75"/>
  </p:handoutMasterIdLst>
  <p:sldIdLst>
    <p:sldId id="261" r:id="rId21"/>
    <p:sldId id="266" r:id="rId22"/>
    <p:sldId id="268" r:id="rId23"/>
    <p:sldId id="267" r:id="rId24"/>
    <p:sldId id="269" r:id="rId25"/>
    <p:sldId id="270" r:id="rId26"/>
    <p:sldId id="271" r:id="rId27"/>
    <p:sldId id="272" r:id="rId28"/>
    <p:sldId id="273" r:id="rId29"/>
    <p:sldId id="274" r:id="rId30"/>
    <p:sldId id="275" r:id="rId31"/>
    <p:sldId id="276" r:id="rId32"/>
    <p:sldId id="277" r:id="rId33"/>
    <p:sldId id="278" r:id="rId34"/>
    <p:sldId id="279" r:id="rId35"/>
    <p:sldId id="287" r:id="rId36"/>
    <p:sldId id="288" r:id="rId37"/>
    <p:sldId id="286" r:id="rId38"/>
    <p:sldId id="289" r:id="rId39"/>
    <p:sldId id="292" r:id="rId40"/>
    <p:sldId id="293" r:id="rId41"/>
    <p:sldId id="294" r:id="rId42"/>
    <p:sldId id="295" r:id="rId43"/>
    <p:sldId id="296" r:id="rId44"/>
    <p:sldId id="298" r:id="rId45"/>
    <p:sldId id="299" r:id="rId46"/>
    <p:sldId id="300" r:id="rId47"/>
    <p:sldId id="301" r:id="rId48"/>
    <p:sldId id="302" r:id="rId49"/>
    <p:sldId id="304" r:id="rId50"/>
    <p:sldId id="305" r:id="rId51"/>
    <p:sldId id="306" r:id="rId52"/>
    <p:sldId id="308" r:id="rId53"/>
    <p:sldId id="307" r:id="rId54"/>
    <p:sldId id="311" r:id="rId55"/>
    <p:sldId id="309" r:id="rId56"/>
    <p:sldId id="314" r:id="rId57"/>
    <p:sldId id="313" r:id="rId58"/>
    <p:sldId id="315" r:id="rId59"/>
    <p:sldId id="316" r:id="rId60"/>
    <p:sldId id="317" r:id="rId61"/>
    <p:sldId id="318" r:id="rId62"/>
    <p:sldId id="319" r:id="rId63"/>
    <p:sldId id="325" r:id="rId64"/>
    <p:sldId id="310" r:id="rId65"/>
    <p:sldId id="320" r:id="rId66"/>
    <p:sldId id="321" r:id="rId67"/>
    <p:sldId id="322" r:id="rId68"/>
    <p:sldId id="323" r:id="rId69"/>
    <p:sldId id="324" r:id="rId70"/>
    <p:sldId id="312" r:id="rId71"/>
    <p:sldId id="263" r:id="rId72"/>
    <p:sldId id="265" r:id="rId73"/>
  </p:sldIdLst>
  <p:sldSz cx="12192000" cy="6858000"/>
  <p:notesSz cx="6858000" cy="9144000"/>
  <p:embeddedFontLst>
    <p:embeddedFont>
      <p:font typeface="ABBvoice" panose="020D0603020503020204" pitchFamily="34" charset="0"/>
      <p:regular r:id="rId76"/>
      <p:bold r:id="rId77"/>
    </p:embeddedFont>
    <p:embeddedFont>
      <p:font typeface="ABBvoice Display SemiBold" panose="020D0704020603060204" pitchFamily="34" charset="0"/>
      <p:bold r:id="rId78"/>
    </p:embeddedFont>
    <p:embeddedFont>
      <p:font typeface="ABBvoice Light" panose="020D0403020503020204" pitchFamily="34" charset="0"/>
      <p:regular r:id="rId79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9F9FA"/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4673" autoAdjust="0"/>
  </p:normalViewPr>
  <p:slideViewPr>
    <p:cSldViewPr snapToGrid="0" snapToObjects="1" showGuides="1">
      <p:cViewPr varScale="1">
        <p:scale>
          <a:sx n="111" d="100"/>
          <a:sy n="111" d="100"/>
        </p:scale>
        <p:origin x="534" y="18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6.xml"/><Relationship Id="rId21" Type="http://schemas.openxmlformats.org/officeDocument/2006/relationships/slide" Target="slides/slide1.xml"/><Relationship Id="rId42" Type="http://schemas.openxmlformats.org/officeDocument/2006/relationships/slide" Target="slides/slide22.xml"/><Relationship Id="rId47" Type="http://schemas.openxmlformats.org/officeDocument/2006/relationships/slide" Target="slides/slide27.xml"/><Relationship Id="rId63" Type="http://schemas.openxmlformats.org/officeDocument/2006/relationships/slide" Target="slides/slide43.xml"/><Relationship Id="rId68" Type="http://schemas.openxmlformats.org/officeDocument/2006/relationships/slide" Target="slides/slide48.xml"/><Relationship Id="rId84" Type="http://schemas.openxmlformats.org/officeDocument/2006/relationships/tableStyles" Target="tableStyles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slide" Target="slides/slide12.xml"/><Relationship Id="rId37" Type="http://schemas.openxmlformats.org/officeDocument/2006/relationships/slide" Target="slides/slide17.xml"/><Relationship Id="rId53" Type="http://schemas.openxmlformats.org/officeDocument/2006/relationships/slide" Target="slides/slide33.xml"/><Relationship Id="rId58" Type="http://schemas.openxmlformats.org/officeDocument/2006/relationships/slide" Target="slides/slide38.xml"/><Relationship Id="rId74" Type="http://schemas.openxmlformats.org/officeDocument/2006/relationships/notesMaster" Target="notesMasters/notesMaster1.xml"/><Relationship Id="rId79" Type="http://schemas.openxmlformats.org/officeDocument/2006/relationships/font" Target="fonts/font4.fntdata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slide" Target="slides/slide23.xml"/><Relationship Id="rId48" Type="http://schemas.openxmlformats.org/officeDocument/2006/relationships/slide" Target="slides/slide28.xml"/><Relationship Id="rId56" Type="http://schemas.openxmlformats.org/officeDocument/2006/relationships/slide" Target="slides/slide36.xml"/><Relationship Id="rId64" Type="http://schemas.openxmlformats.org/officeDocument/2006/relationships/slide" Target="slides/slide44.xml"/><Relationship Id="rId69" Type="http://schemas.openxmlformats.org/officeDocument/2006/relationships/slide" Target="slides/slide49.xml"/><Relationship Id="rId77" Type="http://schemas.openxmlformats.org/officeDocument/2006/relationships/font" Target="fonts/font2.fntdata"/><Relationship Id="rId8" Type="http://schemas.openxmlformats.org/officeDocument/2006/relationships/customXml" Target="../customXml/item8.xml"/><Relationship Id="rId51" Type="http://schemas.openxmlformats.org/officeDocument/2006/relationships/slide" Target="slides/slide31.xml"/><Relationship Id="rId72" Type="http://schemas.openxmlformats.org/officeDocument/2006/relationships/slide" Target="slides/slide52.xml"/><Relationship Id="rId80" Type="http://schemas.openxmlformats.org/officeDocument/2006/relationships/commentAuthors" Target="commentAuthors.xml"/><Relationship Id="rId85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slide" Target="slides/slide18.xml"/><Relationship Id="rId46" Type="http://schemas.openxmlformats.org/officeDocument/2006/relationships/slide" Target="slides/slide26.xml"/><Relationship Id="rId59" Type="http://schemas.openxmlformats.org/officeDocument/2006/relationships/slide" Target="slides/slide39.xml"/><Relationship Id="rId67" Type="http://schemas.openxmlformats.org/officeDocument/2006/relationships/slide" Target="slides/slide47.xml"/><Relationship Id="rId20" Type="http://schemas.openxmlformats.org/officeDocument/2006/relationships/slideMaster" Target="slideMasters/slideMaster1.xml"/><Relationship Id="rId41" Type="http://schemas.openxmlformats.org/officeDocument/2006/relationships/slide" Target="slides/slide21.xml"/><Relationship Id="rId54" Type="http://schemas.openxmlformats.org/officeDocument/2006/relationships/slide" Target="slides/slide34.xml"/><Relationship Id="rId62" Type="http://schemas.openxmlformats.org/officeDocument/2006/relationships/slide" Target="slides/slide42.xml"/><Relationship Id="rId70" Type="http://schemas.openxmlformats.org/officeDocument/2006/relationships/slide" Target="slides/slide50.xml"/><Relationship Id="rId75" Type="http://schemas.openxmlformats.org/officeDocument/2006/relationships/handoutMaster" Target="handoutMasters/handoutMaster1.xml"/><Relationship Id="rId83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slide" Target="slides/slide29.xml"/><Relationship Id="rId57" Type="http://schemas.openxmlformats.org/officeDocument/2006/relationships/slide" Target="slides/slide37.xml"/><Relationship Id="rId10" Type="http://schemas.openxmlformats.org/officeDocument/2006/relationships/customXml" Target="../customXml/item10.xml"/><Relationship Id="rId31" Type="http://schemas.openxmlformats.org/officeDocument/2006/relationships/slide" Target="slides/slide11.xml"/><Relationship Id="rId44" Type="http://schemas.openxmlformats.org/officeDocument/2006/relationships/slide" Target="slides/slide24.xml"/><Relationship Id="rId52" Type="http://schemas.openxmlformats.org/officeDocument/2006/relationships/slide" Target="slides/slide32.xml"/><Relationship Id="rId60" Type="http://schemas.openxmlformats.org/officeDocument/2006/relationships/slide" Target="slides/slide40.xml"/><Relationship Id="rId65" Type="http://schemas.openxmlformats.org/officeDocument/2006/relationships/slide" Target="slides/slide45.xml"/><Relationship Id="rId73" Type="http://schemas.openxmlformats.org/officeDocument/2006/relationships/slide" Target="slides/slide53.xml"/><Relationship Id="rId78" Type="http://schemas.openxmlformats.org/officeDocument/2006/relationships/font" Target="fonts/font3.fntdata"/><Relationship Id="rId8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19.xml"/><Relationship Id="rId34" Type="http://schemas.openxmlformats.org/officeDocument/2006/relationships/slide" Target="slides/slide14.xml"/><Relationship Id="rId50" Type="http://schemas.openxmlformats.org/officeDocument/2006/relationships/slide" Target="slides/slide30.xml"/><Relationship Id="rId55" Type="http://schemas.openxmlformats.org/officeDocument/2006/relationships/slide" Target="slides/slide35.xml"/><Relationship Id="rId76" Type="http://schemas.openxmlformats.org/officeDocument/2006/relationships/font" Target="fonts/font1.fntdata"/><Relationship Id="rId7" Type="http://schemas.openxmlformats.org/officeDocument/2006/relationships/customXml" Target="../customXml/item7.xml"/><Relationship Id="rId71" Type="http://schemas.openxmlformats.org/officeDocument/2006/relationships/slide" Target="slides/slide51.xml"/><Relationship Id="rId2" Type="http://schemas.openxmlformats.org/officeDocument/2006/relationships/customXml" Target="../customXml/item2.xml"/><Relationship Id="rId29" Type="http://schemas.openxmlformats.org/officeDocument/2006/relationships/slide" Target="slides/slide9.xml"/><Relationship Id="rId24" Type="http://schemas.openxmlformats.org/officeDocument/2006/relationships/slide" Target="slides/slide4.xml"/><Relationship Id="rId40" Type="http://schemas.openxmlformats.org/officeDocument/2006/relationships/slide" Target="slides/slide20.xml"/><Relationship Id="rId45" Type="http://schemas.openxmlformats.org/officeDocument/2006/relationships/slide" Target="slides/slide25.xml"/><Relationship Id="rId66" Type="http://schemas.openxmlformats.org/officeDocument/2006/relationships/slide" Target="slides/slide46.xml"/><Relationship Id="rId61" Type="http://schemas.openxmlformats.org/officeDocument/2006/relationships/slide" Target="slides/slide41.xml"/><Relationship Id="rId82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Luis Elsen-Messmer" userId="69aacf96-e865-454d-9ab1-c0467d7d2298" providerId="ADAL" clId="{FAFD5490-217C-4FD3-B1D5-5B46EABB05CE}"/>
    <pc:docChg chg="undo custSel addSld delSld modSld sldOrd modMainMaster">
      <pc:chgData name="Luis Elsen-Messmer" userId="69aacf96-e865-454d-9ab1-c0467d7d2298" providerId="ADAL" clId="{FAFD5490-217C-4FD3-B1D5-5B46EABB05CE}" dt="2025-09-08T15:01:48.632" v="2411" actId="20577"/>
      <pc:docMkLst>
        <pc:docMk/>
      </pc:docMkLst>
      <pc:sldChg chg="ord">
        <pc:chgData name="Luis Elsen-Messmer" userId="69aacf96-e865-454d-9ab1-c0467d7d2298" providerId="ADAL" clId="{FAFD5490-217C-4FD3-B1D5-5B46EABB05CE}" dt="2025-09-08T10:00:15.569" v="1693"/>
        <pc:sldMkLst>
          <pc:docMk/>
          <pc:sldMk cId="3342706129" sldId="295"/>
        </pc:sldMkLst>
      </pc:sldChg>
      <pc:sldChg chg="modSp add mod">
        <pc:chgData name="Luis Elsen-Messmer" userId="69aacf96-e865-454d-9ab1-c0467d7d2298" providerId="ADAL" clId="{FAFD5490-217C-4FD3-B1D5-5B46EABB05CE}" dt="2025-09-08T09:51:17.418" v="1689" actId="20577"/>
        <pc:sldMkLst>
          <pc:docMk/>
          <pc:sldMk cId="697124750" sldId="296"/>
        </pc:sldMkLst>
        <pc:spChg chg="mod">
          <ac:chgData name="Luis Elsen-Messmer" userId="69aacf96-e865-454d-9ab1-c0467d7d2298" providerId="ADAL" clId="{FAFD5490-217C-4FD3-B1D5-5B46EABB05CE}" dt="2025-09-08T09:51:17.418" v="1689" actId="20577"/>
          <ac:spMkLst>
            <pc:docMk/>
            <pc:sldMk cId="697124750" sldId="296"/>
            <ac:spMk id="3" creationId="{2A9C70AD-005D-D931-DD4A-5F256EB79528}"/>
          </ac:spMkLst>
        </pc:spChg>
      </pc:sldChg>
      <pc:sldChg chg="modSp new del mod">
        <pc:chgData name="Luis Elsen-Messmer" userId="69aacf96-e865-454d-9ab1-c0467d7d2298" providerId="ADAL" clId="{FAFD5490-217C-4FD3-B1D5-5B46EABB05CE}" dt="2025-09-01T12:54:47.264" v="132" actId="2696"/>
        <pc:sldMkLst>
          <pc:docMk/>
          <pc:sldMk cId="2523770484" sldId="297"/>
        </pc:sldMkLst>
      </pc:sldChg>
      <pc:sldChg chg="modSp add">
        <pc:chgData name="Luis Elsen-Messmer" userId="69aacf96-e865-454d-9ab1-c0467d7d2298" providerId="ADAL" clId="{FAFD5490-217C-4FD3-B1D5-5B46EABB05CE}" dt="2025-09-01T13:13:00.905" v="370"/>
        <pc:sldMkLst>
          <pc:docMk/>
          <pc:sldMk cId="2597549327" sldId="298"/>
        </pc:sldMkLst>
        <pc:spChg chg="mod">
          <ac:chgData name="Luis Elsen-Messmer" userId="69aacf96-e865-454d-9ab1-c0467d7d2298" providerId="ADAL" clId="{FAFD5490-217C-4FD3-B1D5-5B46EABB05CE}" dt="2025-09-01T13:13:00.905" v="370"/>
          <ac:spMkLst>
            <pc:docMk/>
            <pc:sldMk cId="2597549327" sldId="298"/>
            <ac:spMk id="3" creationId="{0FEB0F8D-4FB7-2DB7-A25F-388D46A62FD0}"/>
          </ac:spMkLst>
        </pc:spChg>
      </pc:sldChg>
      <pc:sldChg chg="modSp add mod ord">
        <pc:chgData name="Luis Elsen-Messmer" userId="69aacf96-e865-454d-9ab1-c0467d7d2298" providerId="ADAL" clId="{FAFD5490-217C-4FD3-B1D5-5B46EABB05CE}" dt="2025-09-08T10:00:23.579" v="1695"/>
        <pc:sldMkLst>
          <pc:docMk/>
          <pc:sldMk cId="3770727574" sldId="299"/>
        </pc:sldMkLst>
        <pc:spChg chg="mod">
          <ac:chgData name="Luis Elsen-Messmer" userId="69aacf96-e865-454d-9ab1-c0467d7d2298" providerId="ADAL" clId="{FAFD5490-217C-4FD3-B1D5-5B46EABB05CE}" dt="2025-09-01T13:12:55.972" v="369" actId="1076"/>
          <ac:spMkLst>
            <pc:docMk/>
            <pc:sldMk cId="3770727574" sldId="299"/>
            <ac:spMk id="3" creationId="{6F7CD35A-3E21-408A-D3BE-AFAFCF9D108E}"/>
          </ac:spMkLst>
        </pc:spChg>
        <pc:cxnChg chg="mod">
          <ac:chgData name="Luis Elsen-Messmer" userId="69aacf96-e865-454d-9ab1-c0467d7d2298" providerId="ADAL" clId="{FAFD5490-217C-4FD3-B1D5-5B46EABB05CE}" dt="2025-09-01T13:09:43.064" v="337" actId="14100"/>
          <ac:cxnSpMkLst>
            <pc:docMk/>
            <pc:sldMk cId="3770727574" sldId="299"/>
            <ac:cxnSpMk id="10" creationId="{2D8599B3-99CA-CBB1-FD6D-73CAADADEB4B}"/>
          </ac:cxnSpMkLst>
        </pc:cxnChg>
        <pc:cxnChg chg="mod">
          <ac:chgData name="Luis Elsen-Messmer" userId="69aacf96-e865-454d-9ab1-c0467d7d2298" providerId="ADAL" clId="{FAFD5490-217C-4FD3-B1D5-5B46EABB05CE}" dt="2025-09-01T13:09:45.301" v="338" actId="14100"/>
          <ac:cxnSpMkLst>
            <pc:docMk/>
            <pc:sldMk cId="3770727574" sldId="299"/>
            <ac:cxnSpMk id="11" creationId="{ACE7AD68-620E-4805-8CCB-C56A2C6F826E}"/>
          </ac:cxnSpMkLst>
        </pc:cxnChg>
        <pc:cxnChg chg="mod">
          <ac:chgData name="Luis Elsen-Messmer" userId="69aacf96-e865-454d-9ab1-c0467d7d2298" providerId="ADAL" clId="{FAFD5490-217C-4FD3-B1D5-5B46EABB05CE}" dt="2025-09-01T13:10:38.041" v="361" actId="14100"/>
          <ac:cxnSpMkLst>
            <pc:docMk/>
            <pc:sldMk cId="3770727574" sldId="299"/>
            <ac:cxnSpMk id="18" creationId="{0E38E775-1B1B-7945-329A-07DE1531AF09}"/>
          </ac:cxnSpMkLst>
        </pc:cxnChg>
        <pc:cxnChg chg="mod">
          <ac:chgData name="Luis Elsen-Messmer" userId="69aacf96-e865-454d-9ab1-c0467d7d2298" providerId="ADAL" clId="{FAFD5490-217C-4FD3-B1D5-5B46EABB05CE}" dt="2025-09-01T13:12:45.511" v="366" actId="14100"/>
          <ac:cxnSpMkLst>
            <pc:docMk/>
            <pc:sldMk cId="3770727574" sldId="299"/>
            <ac:cxnSpMk id="22" creationId="{0A3858F6-BBD8-10C4-DD05-F3F62570BBB6}"/>
          </ac:cxnSpMkLst>
        </pc:cxnChg>
      </pc:sldChg>
      <pc:sldChg chg="addSp delSp modSp new mod">
        <pc:chgData name="Luis Elsen-Messmer" userId="69aacf96-e865-454d-9ab1-c0467d7d2298" providerId="ADAL" clId="{FAFD5490-217C-4FD3-B1D5-5B46EABB05CE}" dt="2025-09-01T13:06:58.912" v="267" actId="20577"/>
        <pc:sldMkLst>
          <pc:docMk/>
          <pc:sldMk cId="1292001375" sldId="300"/>
        </pc:sldMkLst>
        <pc:spChg chg="mod">
          <ac:chgData name="Luis Elsen-Messmer" userId="69aacf96-e865-454d-9ab1-c0467d7d2298" providerId="ADAL" clId="{FAFD5490-217C-4FD3-B1D5-5B46EABB05CE}" dt="2025-09-01T12:55:08.405" v="146" actId="20577"/>
          <ac:spMkLst>
            <pc:docMk/>
            <pc:sldMk cId="1292001375" sldId="300"/>
            <ac:spMk id="2" creationId="{6A1A00DD-3B1C-70E2-5FD3-9F2CCB3243ED}"/>
          </ac:spMkLst>
        </pc:spChg>
        <pc:spChg chg="mod">
          <ac:chgData name="Luis Elsen-Messmer" userId="69aacf96-e865-454d-9ab1-c0467d7d2298" providerId="ADAL" clId="{FAFD5490-217C-4FD3-B1D5-5B46EABB05CE}" dt="2025-09-01T13:06:58.912" v="267" actId="20577"/>
          <ac:spMkLst>
            <pc:docMk/>
            <pc:sldMk cId="1292001375" sldId="300"/>
            <ac:spMk id="3" creationId="{4B2D3321-00FE-2580-AA37-C96E092B2DC8}"/>
          </ac:spMkLst>
        </pc:spChg>
      </pc:sldChg>
      <pc:sldChg chg="modSp add mod">
        <pc:chgData name="Luis Elsen-Messmer" userId="69aacf96-e865-454d-9ab1-c0467d7d2298" providerId="ADAL" clId="{FAFD5490-217C-4FD3-B1D5-5B46EABB05CE}" dt="2025-09-01T13:07:41.454" v="328" actId="20577"/>
        <pc:sldMkLst>
          <pc:docMk/>
          <pc:sldMk cId="3329177276" sldId="301"/>
        </pc:sldMkLst>
        <pc:spChg chg="mod">
          <ac:chgData name="Luis Elsen-Messmer" userId="69aacf96-e865-454d-9ab1-c0467d7d2298" providerId="ADAL" clId="{FAFD5490-217C-4FD3-B1D5-5B46EABB05CE}" dt="2025-09-01T13:07:41.454" v="328" actId="20577"/>
          <ac:spMkLst>
            <pc:docMk/>
            <pc:sldMk cId="3329177276" sldId="301"/>
            <ac:spMk id="3" creationId="{7D0AD7B5-9806-6778-6A7F-FA4438DDF252}"/>
          </ac:spMkLst>
        </pc:spChg>
      </pc:sldChg>
      <pc:sldChg chg="addSp delSp modSp add mod">
        <pc:chgData name="Luis Elsen-Messmer" userId="69aacf96-e865-454d-9ab1-c0467d7d2298" providerId="ADAL" clId="{FAFD5490-217C-4FD3-B1D5-5B46EABB05CE}" dt="2025-09-01T13:18:29.155" v="755" actId="20577"/>
        <pc:sldMkLst>
          <pc:docMk/>
          <pc:sldMk cId="4082400305" sldId="302"/>
        </pc:sldMkLst>
        <pc:spChg chg="mod">
          <ac:chgData name="Luis Elsen-Messmer" userId="69aacf96-e865-454d-9ab1-c0467d7d2298" providerId="ADAL" clId="{FAFD5490-217C-4FD3-B1D5-5B46EABB05CE}" dt="2025-09-01T13:18:29.155" v="755" actId="20577"/>
          <ac:spMkLst>
            <pc:docMk/>
            <pc:sldMk cId="4082400305" sldId="302"/>
            <ac:spMk id="3" creationId="{67783499-7951-C218-9DD2-DB92F6E7A0E8}"/>
          </ac:spMkLst>
        </pc:spChg>
        <pc:cxnChg chg="add mod">
          <ac:chgData name="Luis Elsen-Messmer" userId="69aacf96-e865-454d-9ab1-c0467d7d2298" providerId="ADAL" clId="{FAFD5490-217C-4FD3-B1D5-5B46EABB05CE}" dt="2025-09-01T13:13:51.286" v="393" actId="14100"/>
          <ac:cxnSpMkLst>
            <pc:docMk/>
            <pc:sldMk cId="4082400305" sldId="302"/>
            <ac:cxnSpMk id="9" creationId="{5718A66A-8EE3-F20D-2DBD-A60FF1B65DF2}"/>
          </ac:cxnSpMkLst>
        </pc:cxnChg>
        <pc:cxnChg chg="add">
          <ac:chgData name="Luis Elsen-Messmer" userId="69aacf96-e865-454d-9ab1-c0467d7d2298" providerId="ADAL" clId="{FAFD5490-217C-4FD3-B1D5-5B46EABB05CE}" dt="2025-09-01T13:14:04.546" v="394" actId="11529"/>
          <ac:cxnSpMkLst>
            <pc:docMk/>
            <pc:sldMk cId="4082400305" sldId="302"/>
            <ac:cxnSpMk id="12" creationId="{F6D983B3-97E4-3C89-1B02-EFB2899FA241}"/>
          </ac:cxnSpMkLst>
        </pc:cxnChg>
        <pc:cxnChg chg="add">
          <ac:chgData name="Luis Elsen-Messmer" userId="69aacf96-e865-454d-9ab1-c0467d7d2298" providerId="ADAL" clId="{FAFD5490-217C-4FD3-B1D5-5B46EABB05CE}" dt="2025-09-01T13:14:13.252" v="395" actId="11529"/>
          <ac:cxnSpMkLst>
            <pc:docMk/>
            <pc:sldMk cId="4082400305" sldId="302"/>
            <ac:cxnSpMk id="14" creationId="{12379274-789E-C3CA-813E-2E95F6D622BE}"/>
          </ac:cxnSpMkLst>
        </pc:cxnChg>
        <pc:cxnChg chg="add mod">
          <ac:chgData name="Luis Elsen-Messmer" userId="69aacf96-e865-454d-9ab1-c0467d7d2298" providerId="ADAL" clId="{FAFD5490-217C-4FD3-B1D5-5B46EABB05CE}" dt="2025-09-01T13:16:10.943" v="525" actId="14100"/>
          <ac:cxnSpMkLst>
            <pc:docMk/>
            <pc:sldMk cId="4082400305" sldId="302"/>
            <ac:cxnSpMk id="16" creationId="{56637FEC-00FA-E6D4-317C-FAC05A460650}"/>
          </ac:cxnSpMkLst>
        </pc:cxnChg>
        <pc:cxnChg chg="add mod">
          <ac:chgData name="Luis Elsen-Messmer" userId="69aacf96-e865-454d-9ab1-c0467d7d2298" providerId="ADAL" clId="{FAFD5490-217C-4FD3-B1D5-5B46EABB05CE}" dt="2025-09-01T13:16:24.454" v="527" actId="14100"/>
          <ac:cxnSpMkLst>
            <pc:docMk/>
            <pc:sldMk cId="4082400305" sldId="302"/>
            <ac:cxnSpMk id="23" creationId="{9569B872-47B3-4C48-4DFD-A7F476D1B449}"/>
          </ac:cxnSpMkLst>
        </pc:cxnChg>
        <pc:cxnChg chg="add mod">
          <ac:chgData name="Luis Elsen-Messmer" userId="69aacf96-e865-454d-9ab1-c0467d7d2298" providerId="ADAL" clId="{FAFD5490-217C-4FD3-B1D5-5B46EABB05CE}" dt="2025-09-01T13:18:10.344" v="712" actId="14100"/>
          <ac:cxnSpMkLst>
            <pc:docMk/>
            <pc:sldMk cId="4082400305" sldId="302"/>
            <ac:cxnSpMk id="26" creationId="{B0E635FE-1CDD-CFE5-43D5-63A040384C12}"/>
          </ac:cxnSpMkLst>
        </pc:cxnChg>
      </pc:sldChg>
      <pc:sldChg chg="addSp delSp modSp new del mod ord">
        <pc:chgData name="Luis Elsen-Messmer" userId="69aacf96-e865-454d-9ab1-c0467d7d2298" providerId="ADAL" clId="{FAFD5490-217C-4FD3-B1D5-5B46EABB05CE}" dt="2025-09-02T15:25:14.862" v="1525" actId="2696"/>
        <pc:sldMkLst>
          <pc:docMk/>
          <pc:sldMk cId="113821409" sldId="303"/>
        </pc:sldMkLst>
      </pc:sldChg>
      <pc:sldChg chg="modSp new mod">
        <pc:chgData name="Luis Elsen-Messmer" userId="69aacf96-e865-454d-9ab1-c0467d7d2298" providerId="ADAL" clId="{FAFD5490-217C-4FD3-B1D5-5B46EABB05CE}" dt="2025-09-01T13:33:54.924" v="925" actId="20577"/>
        <pc:sldMkLst>
          <pc:docMk/>
          <pc:sldMk cId="1041597122" sldId="304"/>
        </pc:sldMkLst>
        <pc:spChg chg="mod">
          <ac:chgData name="Luis Elsen-Messmer" userId="69aacf96-e865-454d-9ab1-c0467d7d2298" providerId="ADAL" clId="{FAFD5490-217C-4FD3-B1D5-5B46EABB05CE}" dt="2025-09-01T13:32:06.979" v="817" actId="20577"/>
          <ac:spMkLst>
            <pc:docMk/>
            <pc:sldMk cId="1041597122" sldId="304"/>
            <ac:spMk id="2" creationId="{C8F20CFE-C17D-151B-EB29-8C862A247527}"/>
          </ac:spMkLst>
        </pc:spChg>
        <pc:spChg chg="mod">
          <ac:chgData name="Luis Elsen-Messmer" userId="69aacf96-e865-454d-9ab1-c0467d7d2298" providerId="ADAL" clId="{FAFD5490-217C-4FD3-B1D5-5B46EABB05CE}" dt="2025-09-01T13:33:54.924" v="925" actId="20577"/>
          <ac:spMkLst>
            <pc:docMk/>
            <pc:sldMk cId="1041597122" sldId="304"/>
            <ac:spMk id="3" creationId="{8B4B9805-A362-25D1-8778-5DE455FFCBF8}"/>
          </ac:spMkLst>
        </pc:spChg>
      </pc:sldChg>
      <pc:sldChg chg="addSp delSp modSp add mod">
        <pc:chgData name="Luis Elsen-Messmer" userId="69aacf96-e865-454d-9ab1-c0467d7d2298" providerId="ADAL" clId="{FAFD5490-217C-4FD3-B1D5-5B46EABB05CE}" dt="2025-09-08T11:57:23.647" v="1961" actId="27309"/>
        <pc:sldMkLst>
          <pc:docMk/>
          <pc:sldMk cId="3577594972" sldId="305"/>
        </pc:sldMkLst>
        <pc:spChg chg="mod">
          <ac:chgData name="Luis Elsen-Messmer" userId="69aacf96-e865-454d-9ab1-c0467d7d2298" providerId="ADAL" clId="{FAFD5490-217C-4FD3-B1D5-5B46EABB05CE}" dt="2025-09-01T13:35:48.616" v="1008" actId="20577"/>
          <ac:spMkLst>
            <pc:docMk/>
            <pc:sldMk cId="3577594972" sldId="305"/>
            <ac:spMk id="3" creationId="{4D7D9407-73C6-568B-1873-6DACAFC78346}"/>
          </ac:spMkLst>
        </pc:spChg>
        <pc:graphicFrameChg chg="add del modGraphic">
          <ac:chgData name="Luis Elsen-Messmer" userId="69aacf96-e865-454d-9ab1-c0467d7d2298" providerId="ADAL" clId="{FAFD5490-217C-4FD3-B1D5-5B46EABB05CE}" dt="2025-09-08T11:57:23.647" v="1961" actId="27309"/>
          <ac:graphicFrameMkLst>
            <pc:docMk/>
            <pc:sldMk cId="3577594972" sldId="305"/>
            <ac:graphicFrameMk id="10" creationId="{74B5780B-F6C0-AD87-77E8-59DA0175E4AD}"/>
          </ac:graphicFrameMkLst>
        </pc:graphicFrameChg>
        <pc:cxnChg chg="add mod">
          <ac:chgData name="Luis Elsen-Messmer" userId="69aacf96-e865-454d-9ab1-c0467d7d2298" providerId="ADAL" clId="{FAFD5490-217C-4FD3-B1D5-5B46EABB05CE}" dt="2025-09-01T13:34:31.987" v="956" actId="14100"/>
          <ac:cxnSpMkLst>
            <pc:docMk/>
            <pc:sldMk cId="3577594972" sldId="305"/>
            <ac:cxnSpMk id="9" creationId="{44BB138C-8A62-EC7E-EA4A-163AFC09F696}"/>
          </ac:cxnSpMkLst>
        </pc:cxnChg>
        <pc:cxnChg chg="add mod">
          <ac:chgData name="Luis Elsen-Messmer" userId="69aacf96-e865-454d-9ab1-c0467d7d2298" providerId="ADAL" clId="{FAFD5490-217C-4FD3-B1D5-5B46EABB05CE}" dt="2025-09-01T13:34:56.534" v="962" actId="14100"/>
          <ac:cxnSpMkLst>
            <pc:docMk/>
            <pc:sldMk cId="3577594972" sldId="305"/>
            <ac:cxnSpMk id="12" creationId="{D58DFFEB-8F19-51A7-D0A5-B39216FF4F82}"/>
          </ac:cxnSpMkLst>
        </pc:cxnChg>
        <pc:cxnChg chg="add mod">
          <ac:chgData name="Luis Elsen-Messmer" userId="69aacf96-e865-454d-9ab1-c0467d7d2298" providerId="ADAL" clId="{FAFD5490-217C-4FD3-B1D5-5B46EABB05CE}" dt="2025-09-01T13:34:50.699" v="960" actId="1076"/>
          <ac:cxnSpMkLst>
            <pc:docMk/>
            <pc:sldMk cId="3577594972" sldId="305"/>
            <ac:cxnSpMk id="13" creationId="{BF847B2C-9731-197E-1175-94F6EBB1290B}"/>
          </ac:cxnSpMkLst>
        </pc:cxnChg>
      </pc:sldChg>
      <pc:sldChg chg="modSp new mod ord">
        <pc:chgData name="Luis Elsen-Messmer" userId="69aacf96-e865-454d-9ab1-c0467d7d2298" providerId="ADAL" clId="{FAFD5490-217C-4FD3-B1D5-5B46EABB05CE}" dt="2025-09-02T13:19:34.566" v="1171"/>
        <pc:sldMkLst>
          <pc:docMk/>
          <pc:sldMk cId="1042570504" sldId="306"/>
        </pc:sldMkLst>
        <pc:spChg chg="mod">
          <ac:chgData name="Luis Elsen-Messmer" userId="69aacf96-e865-454d-9ab1-c0467d7d2298" providerId="ADAL" clId="{FAFD5490-217C-4FD3-B1D5-5B46EABB05CE}" dt="2025-09-01T13:36:13.743" v="1032" actId="20577"/>
          <ac:spMkLst>
            <pc:docMk/>
            <pc:sldMk cId="1042570504" sldId="306"/>
            <ac:spMk id="2" creationId="{5A72D576-8B9B-C9AD-659E-B6319823724B}"/>
          </ac:spMkLst>
        </pc:spChg>
        <pc:spChg chg="mod">
          <ac:chgData name="Luis Elsen-Messmer" userId="69aacf96-e865-454d-9ab1-c0467d7d2298" providerId="ADAL" clId="{FAFD5490-217C-4FD3-B1D5-5B46EABB05CE}" dt="2025-09-02T13:19:07.392" v="1168" actId="20577"/>
          <ac:spMkLst>
            <pc:docMk/>
            <pc:sldMk cId="1042570504" sldId="306"/>
            <ac:spMk id="3" creationId="{EFA58F7C-BF3A-A3B7-F608-E6BF607ABD9D}"/>
          </ac:spMkLst>
        </pc:spChg>
      </pc:sldChg>
      <pc:sldChg chg="modSp new mod">
        <pc:chgData name="Luis Elsen-Messmer" userId="69aacf96-e865-454d-9ab1-c0467d7d2298" providerId="ADAL" clId="{FAFD5490-217C-4FD3-B1D5-5B46EABB05CE}" dt="2025-09-02T15:22:07.166" v="1524" actId="20577"/>
        <pc:sldMkLst>
          <pc:docMk/>
          <pc:sldMk cId="4101343087" sldId="307"/>
        </pc:sldMkLst>
        <pc:spChg chg="mod">
          <ac:chgData name="Luis Elsen-Messmer" userId="69aacf96-e865-454d-9ab1-c0467d7d2298" providerId="ADAL" clId="{FAFD5490-217C-4FD3-B1D5-5B46EABB05CE}" dt="2025-09-02T13:10:16.150" v="1082" actId="20577"/>
          <ac:spMkLst>
            <pc:docMk/>
            <pc:sldMk cId="4101343087" sldId="307"/>
            <ac:spMk id="2" creationId="{23B58B87-6F85-B540-2F99-3A61403C38FE}"/>
          </ac:spMkLst>
        </pc:spChg>
        <pc:spChg chg="mod">
          <ac:chgData name="Luis Elsen-Messmer" userId="69aacf96-e865-454d-9ab1-c0467d7d2298" providerId="ADAL" clId="{FAFD5490-217C-4FD3-B1D5-5B46EABB05CE}" dt="2025-09-02T15:22:07.166" v="1524" actId="20577"/>
          <ac:spMkLst>
            <pc:docMk/>
            <pc:sldMk cId="4101343087" sldId="307"/>
            <ac:spMk id="3" creationId="{410513DC-643E-EDB3-6E60-CD4459E841C3}"/>
          </ac:spMkLst>
        </pc:spChg>
      </pc:sldChg>
      <pc:sldChg chg="addSp delSp modSp add mod">
        <pc:chgData name="Luis Elsen-Messmer" userId="69aacf96-e865-454d-9ab1-c0467d7d2298" providerId="ADAL" clId="{FAFD5490-217C-4FD3-B1D5-5B46EABB05CE}" dt="2025-09-02T13:22:07.278" v="1257" actId="20577"/>
        <pc:sldMkLst>
          <pc:docMk/>
          <pc:sldMk cId="1139970258" sldId="308"/>
        </pc:sldMkLst>
        <pc:spChg chg="mod">
          <ac:chgData name="Luis Elsen-Messmer" userId="69aacf96-e865-454d-9ab1-c0467d7d2298" providerId="ADAL" clId="{FAFD5490-217C-4FD3-B1D5-5B46EABB05CE}" dt="2025-09-02T13:19:45.948" v="1173"/>
          <ac:spMkLst>
            <pc:docMk/>
            <pc:sldMk cId="1139970258" sldId="308"/>
            <ac:spMk id="2" creationId="{5C4C8D1C-6563-274C-5A9A-B65F0C4B52F0}"/>
          </ac:spMkLst>
        </pc:spChg>
        <pc:spChg chg="mod">
          <ac:chgData name="Luis Elsen-Messmer" userId="69aacf96-e865-454d-9ab1-c0467d7d2298" providerId="ADAL" clId="{FAFD5490-217C-4FD3-B1D5-5B46EABB05CE}" dt="2025-09-02T13:22:07.278" v="1257" actId="20577"/>
          <ac:spMkLst>
            <pc:docMk/>
            <pc:sldMk cId="1139970258" sldId="308"/>
            <ac:spMk id="3" creationId="{227E9F7B-4C2A-4EB7-74D1-5077AE4956C5}"/>
          </ac:spMkLst>
        </pc:spChg>
        <pc:cxnChg chg="add mod">
          <ac:chgData name="Luis Elsen-Messmer" userId="69aacf96-e865-454d-9ab1-c0467d7d2298" providerId="ADAL" clId="{FAFD5490-217C-4FD3-B1D5-5B46EABB05CE}" dt="2025-09-02T13:21:38.196" v="1213" actId="1076"/>
          <ac:cxnSpMkLst>
            <pc:docMk/>
            <pc:sldMk cId="1139970258" sldId="308"/>
            <ac:cxnSpMk id="10" creationId="{9F56971F-4E00-8F94-6FE3-4E0DA1CBADC5}"/>
          </ac:cxnSpMkLst>
        </pc:cxnChg>
      </pc:sldChg>
      <pc:sldChg chg="addSp modSp new mod ord">
        <pc:chgData name="Luis Elsen-Messmer" userId="69aacf96-e865-454d-9ab1-c0467d7d2298" providerId="ADAL" clId="{FAFD5490-217C-4FD3-B1D5-5B46EABB05CE}" dt="2025-09-08T12:38:41.594" v="2152"/>
        <pc:sldMkLst>
          <pc:docMk/>
          <pc:sldMk cId="1564306443" sldId="309"/>
        </pc:sldMkLst>
        <pc:spChg chg="mod">
          <ac:chgData name="Luis Elsen-Messmer" userId="69aacf96-e865-454d-9ab1-c0467d7d2298" providerId="ADAL" clId="{FAFD5490-217C-4FD3-B1D5-5B46EABB05CE}" dt="2025-09-02T15:40:58.306" v="1557" actId="20577"/>
          <ac:spMkLst>
            <pc:docMk/>
            <pc:sldMk cId="1564306443" sldId="309"/>
            <ac:spMk id="2" creationId="{B8F161BD-02C5-3BD4-16FA-7F2CC7CC8DBB}"/>
          </ac:spMkLst>
        </pc:spChg>
        <pc:spChg chg="mod">
          <ac:chgData name="Luis Elsen-Messmer" userId="69aacf96-e865-454d-9ab1-c0467d7d2298" providerId="ADAL" clId="{FAFD5490-217C-4FD3-B1D5-5B46EABB05CE}" dt="2025-09-08T11:58:30.476" v="2003" actId="20577"/>
          <ac:spMkLst>
            <pc:docMk/>
            <pc:sldMk cId="1564306443" sldId="309"/>
            <ac:spMk id="3" creationId="{6CE0894E-DC9A-6033-37F5-09997BC2F160}"/>
          </ac:spMkLst>
        </pc:spChg>
        <pc:cxnChg chg="add mod">
          <ac:chgData name="Luis Elsen-Messmer" userId="69aacf96-e865-454d-9ab1-c0467d7d2298" providerId="ADAL" clId="{FAFD5490-217C-4FD3-B1D5-5B46EABB05CE}" dt="2025-09-08T11:54:02.497" v="1750" actId="14100"/>
          <ac:cxnSpMkLst>
            <pc:docMk/>
            <pc:sldMk cId="1564306443" sldId="309"/>
            <ac:cxnSpMk id="9" creationId="{02E92E50-216D-9BEB-FF69-69A0289A1B1F}"/>
          </ac:cxnSpMkLst>
        </pc:cxnChg>
        <pc:cxnChg chg="add mod">
          <ac:chgData name="Luis Elsen-Messmer" userId="69aacf96-e865-454d-9ab1-c0467d7d2298" providerId="ADAL" clId="{FAFD5490-217C-4FD3-B1D5-5B46EABB05CE}" dt="2025-09-08T11:54:18.972" v="1764" actId="1076"/>
          <ac:cxnSpMkLst>
            <pc:docMk/>
            <pc:sldMk cId="1564306443" sldId="309"/>
            <ac:cxnSpMk id="11" creationId="{895BB8FA-DA86-9A2E-3467-1656E61CFD45}"/>
          </ac:cxnSpMkLst>
        </pc:cxnChg>
        <pc:cxnChg chg="add mod">
          <ac:chgData name="Luis Elsen-Messmer" userId="69aacf96-e865-454d-9ab1-c0467d7d2298" providerId="ADAL" clId="{FAFD5490-217C-4FD3-B1D5-5B46EABB05CE}" dt="2025-09-08T11:54:43.413" v="1796" actId="14100"/>
          <ac:cxnSpMkLst>
            <pc:docMk/>
            <pc:sldMk cId="1564306443" sldId="309"/>
            <ac:cxnSpMk id="12" creationId="{6FE60B32-DFB0-7C47-06F1-7AD0BFD805D6}"/>
          </ac:cxnSpMkLst>
        </pc:cxnChg>
        <pc:cxnChg chg="add mod">
          <ac:chgData name="Luis Elsen-Messmer" userId="69aacf96-e865-454d-9ab1-c0467d7d2298" providerId="ADAL" clId="{FAFD5490-217C-4FD3-B1D5-5B46EABB05CE}" dt="2025-09-08T11:56:09.721" v="1921" actId="14100"/>
          <ac:cxnSpMkLst>
            <pc:docMk/>
            <pc:sldMk cId="1564306443" sldId="309"/>
            <ac:cxnSpMk id="15" creationId="{98B7AF65-0808-FCDB-8D78-1ECB09E451BF}"/>
          </ac:cxnSpMkLst>
        </pc:cxnChg>
        <pc:cxnChg chg="add mod">
          <ac:chgData name="Luis Elsen-Messmer" userId="69aacf96-e865-454d-9ab1-c0467d7d2298" providerId="ADAL" clId="{FAFD5490-217C-4FD3-B1D5-5B46EABB05CE}" dt="2025-09-08T11:56:30.011" v="1923" actId="1076"/>
          <ac:cxnSpMkLst>
            <pc:docMk/>
            <pc:sldMk cId="1564306443" sldId="309"/>
            <ac:cxnSpMk id="19" creationId="{6609BA64-2189-3B88-A4FE-DE83078095ED}"/>
          </ac:cxnSpMkLst>
        </pc:cxnChg>
        <pc:cxnChg chg="add mod">
          <ac:chgData name="Luis Elsen-Messmer" userId="69aacf96-e865-454d-9ab1-c0467d7d2298" providerId="ADAL" clId="{FAFD5490-217C-4FD3-B1D5-5B46EABB05CE}" dt="2025-09-08T11:56:47.942" v="1925" actId="1076"/>
          <ac:cxnSpMkLst>
            <pc:docMk/>
            <pc:sldMk cId="1564306443" sldId="309"/>
            <ac:cxnSpMk id="20" creationId="{35AAEBCF-E772-F072-3A16-0FA289B190D2}"/>
          </ac:cxnSpMkLst>
        </pc:cxnChg>
        <pc:cxnChg chg="add mod">
          <ac:chgData name="Luis Elsen-Messmer" userId="69aacf96-e865-454d-9ab1-c0467d7d2298" providerId="ADAL" clId="{FAFD5490-217C-4FD3-B1D5-5B46EABB05CE}" dt="2025-09-08T11:58:36.376" v="2004" actId="14100"/>
          <ac:cxnSpMkLst>
            <pc:docMk/>
            <pc:sldMk cId="1564306443" sldId="309"/>
            <ac:cxnSpMk id="22" creationId="{EC4F6A57-8EEB-6C73-9B36-49040960F5F3}"/>
          </ac:cxnSpMkLst>
        </pc:cxnChg>
      </pc:sldChg>
      <pc:sldChg chg="modSp new mod">
        <pc:chgData name="Luis Elsen-Messmer" userId="69aacf96-e865-454d-9ab1-c0467d7d2298" providerId="ADAL" clId="{FAFD5490-217C-4FD3-B1D5-5B46EABB05CE}" dt="2025-09-02T15:44:26.704" v="1599" actId="20577"/>
        <pc:sldMkLst>
          <pc:docMk/>
          <pc:sldMk cId="1217112481" sldId="310"/>
        </pc:sldMkLst>
        <pc:spChg chg="mod">
          <ac:chgData name="Luis Elsen-Messmer" userId="69aacf96-e865-454d-9ab1-c0467d7d2298" providerId="ADAL" clId="{FAFD5490-217C-4FD3-B1D5-5B46EABB05CE}" dt="2025-09-02T15:40:47.928" v="1556" actId="20577"/>
          <ac:spMkLst>
            <pc:docMk/>
            <pc:sldMk cId="1217112481" sldId="310"/>
            <ac:spMk id="2" creationId="{F20B6DBE-078D-7AC2-8D67-0F3953493CCD}"/>
          </ac:spMkLst>
        </pc:spChg>
        <pc:spChg chg="mod">
          <ac:chgData name="Luis Elsen-Messmer" userId="69aacf96-e865-454d-9ab1-c0467d7d2298" providerId="ADAL" clId="{FAFD5490-217C-4FD3-B1D5-5B46EABB05CE}" dt="2025-09-02T15:44:26.704" v="1599" actId="20577"/>
          <ac:spMkLst>
            <pc:docMk/>
            <pc:sldMk cId="1217112481" sldId="310"/>
            <ac:spMk id="3" creationId="{135BB83B-3810-1A1F-1D90-2D17DCB0C67A}"/>
          </ac:spMkLst>
        </pc:spChg>
      </pc:sldChg>
      <pc:sldChg chg="modSp new mod ord">
        <pc:chgData name="Luis Elsen-Messmer" userId="69aacf96-e865-454d-9ab1-c0467d7d2298" providerId="ADAL" clId="{FAFD5490-217C-4FD3-B1D5-5B46EABB05CE}" dt="2025-09-08T12:40:21.052" v="2236" actId="20577"/>
        <pc:sldMkLst>
          <pc:docMk/>
          <pc:sldMk cId="1053650933" sldId="311"/>
        </pc:sldMkLst>
        <pc:spChg chg="mod">
          <ac:chgData name="Luis Elsen-Messmer" userId="69aacf96-e865-454d-9ab1-c0467d7d2298" providerId="ADAL" clId="{FAFD5490-217C-4FD3-B1D5-5B46EABB05CE}" dt="2025-09-02T15:41:08.369" v="1574" actId="20577"/>
          <ac:spMkLst>
            <pc:docMk/>
            <pc:sldMk cId="1053650933" sldId="311"/>
            <ac:spMk id="2" creationId="{CE57AF36-04FC-7BAE-9B32-B6936C6585D4}"/>
          </ac:spMkLst>
        </pc:spChg>
        <pc:spChg chg="mod">
          <ac:chgData name="Luis Elsen-Messmer" userId="69aacf96-e865-454d-9ab1-c0467d7d2298" providerId="ADAL" clId="{FAFD5490-217C-4FD3-B1D5-5B46EABB05CE}" dt="2025-09-08T12:40:21.052" v="2236" actId="20577"/>
          <ac:spMkLst>
            <pc:docMk/>
            <pc:sldMk cId="1053650933" sldId="311"/>
            <ac:spMk id="3" creationId="{B72FF839-A680-57E8-5F21-D698018B48FF}"/>
          </ac:spMkLst>
        </pc:spChg>
      </pc:sldChg>
      <pc:sldChg chg="modSp new mod">
        <pc:chgData name="Luis Elsen-Messmer" userId="69aacf96-e865-454d-9ab1-c0467d7d2298" providerId="ADAL" clId="{FAFD5490-217C-4FD3-B1D5-5B46EABB05CE}" dt="2025-09-02T15:42:56.409" v="1580" actId="20577"/>
        <pc:sldMkLst>
          <pc:docMk/>
          <pc:sldMk cId="4030749200" sldId="312"/>
        </pc:sldMkLst>
        <pc:spChg chg="mod">
          <ac:chgData name="Luis Elsen-Messmer" userId="69aacf96-e865-454d-9ab1-c0467d7d2298" providerId="ADAL" clId="{FAFD5490-217C-4FD3-B1D5-5B46EABB05CE}" dt="2025-09-02T15:42:56.409" v="1580" actId="20577"/>
          <ac:spMkLst>
            <pc:docMk/>
            <pc:sldMk cId="4030749200" sldId="312"/>
            <ac:spMk id="2" creationId="{DFD8162C-A814-D2E9-73CE-70A21B0ECAF1}"/>
          </ac:spMkLst>
        </pc:spChg>
      </pc:sldChg>
      <pc:sldChg chg="modSp new mod ord">
        <pc:chgData name="Luis Elsen-Messmer" userId="69aacf96-e865-454d-9ab1-c0467d7d2298" providerId="ADAL" clId="{FAFD5490-217C-4FD3-B1D5-5B46EABB05CE}" dt="2025-09-08T13:09:08.576" v="2396"/>
        <pc:sldMkLst>
          <pc:docMk/>
          <pc:sldMk cId="4242738099" sldId="313"/>
        </pc:sldMkLst>
        <pc:spChg chg="mod">
          <ac:chgData name="Luis Elsen-Messmer" userId="69aacf96-e865-454d-9ab1-c0467d7d2298" providerId="ADAL" clId="{FAFD5490-217C-4FD3-B1D5-5B46EABB05CE}" dt="2025-09-02T15:45:50.383" v="1643" actId="20577"/>
          <ac:spMkLst>
            <pc:docMk/>
            <pc:sldMk cId="4242738099" sldId="313"/>
            <ac:spMk id="2" creationId="{5FA95C4E-8506-0F0F-E7FD-CC4F98447C0C}"/>
          </ac:spMkLst>
        </pc:spChg>
      </pc:sldChg>
      <pc:sldChg chg="modSp new mod">
        <pc:chgData name="Luis Elsen-Messmer" userId="69aacf96-e865-454d-9ab1-c0467d7d2298" providerId="ADAL" clId="{FAFD5490-217C-4FD3-B1D5-5B46EABB05CE}" dt="2025-09-08T12:51:37.432" v="2394" actId="20577"/>
        <pc:sldMkLst>
          <pc:docMk/>
          <pc:sldMk cId="3867827750" sldId="314"/>
        </pc:sldMkLst>
        <pc:spChg chg="mod">
          <ac:chgData name="Luis Elsen-Messmer" userId="69aacf96-e865-454d-9ab1-c0467d7d2298" providerId="ADAL" clId="{FAFD5490-217C-4FD3-B1D5-5B46EABB05CE}" dt="2025-09-08T12:03:29.171" v="2104" actId="20577"/>
          <ac:spMkLst>
            <pc:docMk/>
            <pc:sldMk cId="3867827750" sldId="314"/>
            <ac:spMk id="2" creationId="{98E3C8DE-64F1-737D-6D20-A1A9FF1B7941}"/>
          </ac:spMkLst>
        </pc:spChg>
        <pc:spChg chg="mod">
          <ac:chgData name="Luis Elsen-Messmer" userId="69aacf96-e865-454d-9ab1-c0467d7d2298" providerId="ADAL" clId="{FAFD5490-217C-4FD3-B1D5-5B46EABB05CE}" dt="2025-09-08T12:51:37.432" v="2394" actId="20577"/>
          <ac:spMkLst>
            <pc:docMk/>
            <pc:sldMk cId="3867827750" sldId="314"/>
            <ac:spMk id="3" creationId="{57406E20-C8E4-B193-33C2-7AE3A529496F}"/>
          </ac:spMkLst>
        </pc:spChg>
      </pc:sldChg>
      <pc:sldMasterChg chg="modSp mod modSldLayout">
        <pc:chgData name="Luis Elsen-Messmer" userId="69aacf96-e865-454d-9ab1-c0467d7d2298" providerId="ADAL" clId="{FAFD5490-217C-4FD3-B1D5-5B46EABB05CE}" dt="2025-09-08T15:01:48.632" v="2411" actId="20577"/>
        <pc:sldMasterMkLst>
          <pc:docMk/>
          <pc:sldMasterMk cId="2242401632" sldId="2147483648"/>
        </pc:sldMasterMkLst>
        <pc:spChg chg="mod modVis">
          <ac:chgData name="Luis Elsen-Messmer" userId="69aacf96-e865-454d-9ab1-c0467d7d2298" providerId="ADAL" clId="{FAFD5490-217C-4FD3-B1D5-5B46EABB05CE}" dt="2025-09-08T15:01:48.460" v="2398"/>
          <ac:spMkLst>
            <pc:docMk/>
            <pc:sldMasterMk cId="2242401632" sldId="2147483648"/>
            <ac:spMk id="8" creationId="{96E06C7F-9F82-898A-6F4F-CAF6B7DED755}"/>
          </ac:spMkLst>
        </pc:spChg>
        <pc:spChg chg="mod modVis">
          <ac:chgData name="Luis Elsen-Messmer" userId="69aacf96-e865-454d-9ab1-c0467d7d2298" providerId="ADAL" clId="{FAFD5490-217C-4FD3-B1D5-5B46EABB05CE}" dt="2025-09-08T15:01:48.507" v="2400"/>
          <ac:spMkLst>
            <pc:docMk/>
            <pc:sldMasterMk cId="2242401632" sldId="2147483648"/>
            <ac:spMk id="9" creationId="{7C702C89-CFA4-6C8F-96AF-900A18CAC7E2}"/>
          </ac:spMkLst>
        </pc:spChg>
        <pc:spChg chg="mod modVis">
          <ac:chgData name="Luis Elsen-Messmer" userId="69aacf96-e865-454d-9ab1-c0467d7d2298" providerId="ADAL" clId="{FAFD5490-217C-4FD3-B1D5-5B46EABB05CE}" dt="2025-09-08T15:01:48.607" v="2405" actId="20577"/>
          <ac:spMkLst>
            <pc:docMk/>
            <pc:sldMasterMk cId="2242401632" sldId="2147483648"/>
            <ac:spMk id="14" creationId="{D1FCD200-65D5-439C-AECC-B22E31B69313}"/>
          </ac:spMkLst>
        </pc:spChg>
        <pc:picChg chg="mod modVis">
          <ac:chgData name="Luis Elsen-Messmer" userId="69aacf96-e865-454d-9ab1-c0467d7d2298" providerId="ADAL" clId="{FAFD5490-217C-4FD3-B1D5-5B46EABB05CE}" dt="2025-09-08T15:01:48.600" v="2404"/>
          <ac:picMkLst>
            <pc:docMk/>
            <pc:sldMasterMk cId="2242401632" sldId="2147483648"/>
            <ac:picMk id="11" creationId="{BB08CBEA-8100-48CC-9FC4-8A66553571A5}"/>
          </ac:picMkLst>
        </pc:picChg>
        <pc:sldLayoutChg chg="modSp mod">
          <pc:chgData name="Luis Elsen-Messmer" userId="69aacf96-e865-454d-9ab1-c0467d7d2298" providerId="ADAL" clId="{FAFD5490-217C-4FD3-B1D5-5B46EABB05CE}" dt="2025-09-08T15:01:48.609" v="2406" actId="20577"/>
          <pc:sldLayoutMkLst>
            <pc:docMk/>
            <pc:sldMasterMk cId="2242401632" sldId="2147483648"/>
            <pc:sldLayoutMk cId="3338552180" sldId="2147483649"/>
          </pc:sldLayoutMkLst>
          <pc:spChg chg="mod">
            <ac:chgData name="Luis Elsen-Messmer" userId="69aacf96-e865-454d-9ab1-c0467d7d2298" providerId="ADAL" clId="{FAFD5490-217C-4FD3-B1D5-5B46EABB05CE}" dt="2025-09-08T15:01:48.609" v="2406" actId="20577"/>
            <ac:spMkLst>
              <pc:docMk/>
              <pc:sldMasterMk cId="2242401632" sldId="2147483648"/>
              <pc:sldLayoutMk cId="3338552180" sldId="2147483649"/>
              <ac:spMk id="18" creationId="{72AFD311-4076-40D0-970F-D430967AA3D8}"/>
            </ac:spMkLst>
          </pc:spChg>
        </pc:sldLayoutChg>
        <pc:sldLayoutChg chg="modSp mod">
          <pc:chgData name="Luis Elsen-Messmer" userId="69aacf96-e865-454d-9ab1-c0467d7d2298" providerId="ADAL" clId="{FAFD5490-217C-4FD3-B1D5-5B46EABB05CE}" dt="2025-09-08T15:01:48.620" v="2408" actId="20577"/>
          <pc:sldLayoutMkLst>
            <pc:docMk/>
            <pc:sldMasterMk cId="2242401632" sldId="2147483648"/>
            <pc:sldLayoutMk cId="2362327277" sldId="2147483696"/>
          </pc:sldLayoutMkLst>
          <pc:spChg chg="mod">
            <ac:chgData name="Luis Elsen-Messmer" userId="69aacf96-e865-454d-9ab1-c0467d7d2298" providerId="ADAL" clId="{FAFD5490-217C-4FD3-B1D5-5B46EABB05CE}" dt="2025-09-08T15:01:48.620" v="2408" actId="20577"/>
            <ac:spMkLst>
              <pc:docMk/>
              <pc:sldMasterMk cId="2242401632" sldId="2147483648"/>
              <pc:sldLayoutMk cId="2362327277" sldId="2147483696"/>
              <ac:spMk id="21" creationId="{867EF0E0-86BF-44FA-AC2D-C951CA90505C}"/>
            </ac:spMkLst>
          </pc:spChg>
        </pc:sldLayoutChg>
        <pc:sldLayoutChg chg="modSp mod">
          <pc:chgData name="Luis Elsen-Messmer" userId="69aacf96-e865-454d-9ab1-c0467d7d2298" providerId="ADAL" clId="{FAFD5490-217C-4FD3-B1D5-5B46EABB05CE}" dt="2025-09-08T15:01:48.628" v="2410" actId="20577"/>
          <pc:sldLayoutMkLst>
            <pc:docMk/>
            <pc:sldMasterMk cId="2242401632" sldId="2147483648"/>
            <pc:sldLayoutMk cId="2824996737" sldId="2147483697"/>
          </pc:sldLayoutMkLst>
          <pc:spChg chg="mod">
            <ac:chgData name="Luis Elsen-Messmer" userId="69aacf96-e865-454d-9ab1-c0467d7d2298" providerId="ADAL" clId="{FAFD5490-217C-4FD3-B1D5-5B46EABB05CE}" dt="2025-09-08T15:01:48.628" v="2410" actId="20577"/>
            <ac:spMkLst>
              <pc:docMk/>
              <pc:sldMasterMk cId="2242401632" sldId="2147483648"/>
              <pc:sldLayoutMk cId="2824996737" sldId="2147483697"/>
              <ac:spMk id="23" creationId="{47C61707-0D77-48A5-9714-CB909585A68D}"/>
            </ac:spMkLst>
          </pc:spChg>
        </pc:sldLayoutChg>
        <pc:sldLayoutChg chg="modSp mod">
          <pc:chgData name="Luis Elsen-Messmer" userId="69aacf96-e865-454d-9ab1-c0467d7d2298" providerId="ADAL" clId="{FAFD5490-217C-4FD3-B1D5-5B46EABB05CE}" dt="2025-09-08T15:01:48.616" v="2407" actId="20577"/>
          <pc:sldLayoutMkLst>
            <pc:docMk/>
            <pc:sldMasterMk cId="2242401632" sldId="2147483648"/>
            <pc:sldLayoutMk cId="1630792345" sldId="2147483700"/>
          </pc:sldLayoutMkLst>
          <pc:spChg chg="mod">
            <ac:chgData name="Luis Elsen-Messmer" userId="69aacf96-e865-454d-9ab1-c0467d7d2298" providerId="ADAL" clId="{FAFD5490-217C-4FD3-B1D5-5B46EABB05CE}" dt="2025-09-08T15:01:48.616" v="2407" actId="20577"/>
            <ac:spMkLst>
              <pc:docMk/>
              <pc:sldMasterMk cId="2242401632" sldId="2147483648"/>
              <pc:sldLayoutMk cId="1630792345" sldId="2147483700"/>
              <ac:spMk id="19" creationId="{B0D0F57F-14FF-4552-BF2B-6E2C9856C84B}"/>
            </ac:spMkLst>
          </pc:spChg>
        </pc:sldLayoutChg>
        <pc:sldLayoutChg chg="modSp mod">
          <pc:chgData name="Luis Elsen-Messmer" userId="69aacf96-e865-454d-9ab1-c0467d7d2298" providerId="ADAL" clId="{FAFD5490-217C-4FD3-B1D5-5B46EABB05CE}" dt="2025-09-08T15:01:48.624" v="2409" actId="20577"/>
          <pc:sldLayoutMkLst>
            <pc:docMk/>
            <pc:sldMasterMk cId="2242401632" sldId="2147483648"/>
            <pc:sldLayoutMk cId="301784237" sldId="2147483703"/>
          </pc:sldLayoutMkLst>
          <pc:spChg chg="mod">
            <ac:chgData name="Luis Elsen-Messmer" userId="69aacf96-e865-454d-9ab1-c0467d7d2298" providerId="ADAL" clId="{FAFD5490-217C-4FD3-B1D5-5B46EABB05CE}" dt="2025-09-08T15:01:48.624" v="2409" actId="20577"/>
            <ac:spMkLst>
              <pc:docMk/>
              <pc:sldMasterMk cId="2242401632" sldId="2147483648"/>
              <pc:sldLayoutMk cId="301784237" sldId="2147483703"/>
              <ac:spMk id="19" creationId="{44496121-D0E1-4C2C-869C-41036E3F6F78}"/>
            </ac:spMkLst>
          </pc:spChg>
        </pc:sldLayoutChg>
        <pc:sldLayoutChg chg="modSp mod">
          <pc:chgData name="Luis Elsen-Messmer" userId="69aacf96-e865-454d-9ab1-c0467d7d2298" providerId="ADAL" clId="{FAFD5490-217C-4FD3-B1D5-5B46EABB05CE}" dt="2025-09-08T15:01:48.632" v="2411" actId="20577"/>
          <pc:sldLayoutMkLst>
            <pc:docMk/>
            <pc:sldMasterMk cId="2242401632" sldId="2147483648"/>
            <pc:sldLayoutMk cId="737767433" sldId="2147483704"/>
          </pc:sldLayoutMkLst>
          <pc:spChg chg="mod">
            <ac:chgData name="Luis Elsen-Messmer" userId="69aacf96-e865-454d-9ab1-c0467d7d2298" providerId="ADAL" clId="{FAFD5490-217C-4FD3-B1D5-5B46EABB05CE}" dt="2025-09-08T15:01:48.632" v="2411" actId="20577"/>
            <ac:spMkLst>
              <pc:docMk/>
              <pc:sldMasterMk cId="2242401632" sldId="2147483648"/>
              <pc:sldLayoutMk cId="737767433" sldId="2147483704"/>
              <ac:spMk id="21" creationId="{72C259B8-2007-488D-8494-693ADFA23A83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9/9/2025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Nr.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9/9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7" Type="http://schemas.openxmlformats.org/officeDocument/2006/relationships/image" Target="../media/image8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7" Type="http://schemas.openxmlformats.org/officeDocument/2006/relationships/image" Target="../media/image4.emf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svg"/><Relationship Id="rId5" Type="http://schemas.openxmlformats.org/officeDocument/2006/relationships/image" Target="../media/image10.png"/><Relationship Id="rId4" Type="http://schemas.openxmlformats.org/officeDocument/2006/relationships/image" Target="../media/image6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3.sv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5.svg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emf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6.svg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7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image" Target="../media/image18.png"/><Relationship Id="rId7" Type="http://schemas.openxmlformats.org/officeDocument/2006/relationships/image" Target="../media/image22.png"/><Relationship Id="rId12" Type="http://schemas.openxmlformats.org/officeDocument/2006/relationships/image" Target="../media/image27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1.png"/><Relationship Id="rId11" Type="http://schemas.openxmlformats.org/officeDocument/2006/relationships/image" Target="../media/image26.png"/><Relationship Id="rId5" Type="http://schemas.openxmlformats.org/officeDocument/2006/relationships/image" Target="../media/image20.png"/><Relationship Id="rId10" Type="http://schemas.openxmlformats.org/officeDocument/2006/relationships/image" Target="../media/image25.png"/><Relationship Id="rId4" Type="http://schemas.openxmlformats.org/officeDocument/2006/relationships/image" Target="../media/image19.png"/><Relationship Id="rId9" Type="http://schemas.openxmlformats.org/officeDocument/2006/relationships/image" Target="../media/image24.png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73B25342-E713-0247-2E3D-6C43E595B6A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4261104"/>
            <a:ext cx="12192000" cy="2596896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bg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bg1"/>
              </a:solidFill>
            </a:endParaRPr>
          </a:p>
        </p:txBody>
      </p:sp>
      <p:pic>
        <p:nvPicPr>
          <p:cNvPr id="1947208360" name="Classification" descr="{&quot;templafy&quot;:{&quot;id&quot;:&quot;37a5bbaa-a140-4123-8c17-996a6cedb2f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7" name="Logo">
            <a:extLst>
              <a:ext uri="{FF2B5EF4-FFF2-40B4-BE49-F238E27FC236}">
                <a16:creationId xmlns:a16="http://schemas.microsoft.com/office/drawing/2014/main" id="{5212E275-7406-B8D1-A3C9-6100BA58165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9" name="Tag line">
            <a:extLst>
              <a:ext uri="{FF2B5EF4-FFF2-40B4-BE49-F238E27FC236}">
                <a16:creationId xmlns:a16="http://schemas.microsoft.com/office/drawing/2014/main" id="{957191C3-087F-C04A-0DEB-B043188A2D13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20" name="Title 1">
            <a:extLst>
              <a:ext uri="{FF2B5EF4-FFF2-40B4-BE49-F238E27FC236}">
                <a16:creationId xmlns:a16="http://schemas.microsoft.com/office/drawing/2014/main" id="{1D4B8532-33AB-815E-60F0-4048F39506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49734"/>
          </a:xfrm>
        </p:spPr>
        <p:txBody>
          <a:bodyPr anchor="t"/>
          <a:lstStyle>
            <a:lvl1pPr>
              <a:defRPr sz="44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4A9EAF23-A18E-5305-C224-E60978BAAC1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2" name="Text Placeholder 3">
            <a:extLst>
              <a:ext uri="{FF2B5EF4-FFF2-40B4-BE49-F238E27FC236}">
                <a16:creationId xmlns:a16="http://schemas.microsoft.com/office/drawing/2014/main" id="{FF1B3666-7D82-4C1B-225F-70F5B52B18C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B0FE8A97-11DB-C7EF-2E09-C6F5E1633F3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9F1C8B5C-2BF4-6B72-623D-D14711843D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D5F78710-5E2C-BCFC-D2F1-6DF70214B6D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565850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BF9B62AB-E854-71C6-C5A9-A27533FD8D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BF06A84B-7C22-8EF6-F38C-3C8D01CE323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1853277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B3A0906-D146-BDC5-89B6-88508FC8D3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4E86F98-FCAD-1DE9-7F95-EC4306D0593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9813996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9B4A4D-1354-8C4B-6BBC-1A0D0A6042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836996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E37DDAB-FDB1-0870-8E88-BD41926CE6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836407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993670-14A9-0A35-D2EB-D8230A73A15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DD993D9-3FD1-276A-24E9-827A98823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2B506773-0860-DE49-4BCC-8C4BB064721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836408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9AA1B98B-00B9-1C2F-0ACD-646A350F8681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7836408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5E5A046C-2F74-6EED-D763-FB4F9E3C1E6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7836408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029E88C-D487-6109-BE97-8E404D9E474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836408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543002A-12FE-3269-8E83-DD69A9972C8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656888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53D5360-8363-8ED8-05E8-12473FE7A3C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pic>
        <p:nvPicPr>
          <p:cNvPr id="7" name="Logo">
            <a:extLst>
              <a:ext uri="{FF2B5EF4-FFF2-40B4-BE49-F238E27FC236}">
                <a16:creationId xmlns:a16="http://schemas.microsoft.com/office/drawing/2014/main" id="{0027E721-31E7-996C-F978-886B4B709D6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8" name="Tag line">
            <a:extLst>
              <a:ext uri="{FF2B5EF4-FFF2-40B4-BE49-F238E27FC236}">
                <a16:creationId xmlns:a16="http://schemas.microsoft.com/office/drawing/2014/main" id="{21F201A0-96B6-099C-6016-FCAFD5EED39C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585000343" name="Classification" descr="{&quot;templafy&quot;:{&quot;id&quot;:&quot;26a6b919-ad85-4c29-9dc6-8a39abc52528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BE9196FA-4AF2-902A-F9E6-9A8F8415A8A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50000"/>
          </a:xfrm>
        </p:spPr>
        <p:txBody>
          <a:bodyPr anchor="t"/>
          <a:lstStyle>
            <a:lvl1pPr>
              <a:defRPr sz="44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F231D8D-58FA-38D6-FE7A-AC0DB206A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1C46D0ED-54C5-7C53-5626-D26488E61F1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754120-D971-3AE6-6184-628DB4A4CC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617540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0BA6DF-295B-14B9-E598-D783D2FDD9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6176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EB5EAF-AC8A-3E99-A635-DD95C6E7503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DCAB48-A3C0-27C0-2979-71DFA66ED3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DAAEA1C8-F527-5F56-6EA0-FE61BD81614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616952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50750D05-724E-4685-1127-ED2D71D3660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3320" cy="3581999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6777FA2A-A376-8418-9C6E-5B73CDF0468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4832" y="1929600"/>
            <a:ext cx="3703320" cy="3581999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D90514E6-1C08-3FA0-001E-15C4C5E61C9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616952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A62750D-C328-22C2-EE8C-68F88FCF83A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20075507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57E737-3D4F-5001-BE47-2E5EE1893A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8595948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FBBFBE-6C8C-3F82-2098-7B9EB184A62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85968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EAE9F0A-BE3C-4FC1-7380-C833A79368E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058BC2-8858-4D7B-4055-E3D5179F32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49C02E9-0CB5-9793-D210-245428FE3CD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859536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BA71D45E-2E45-D97E-27A8-AB1B39830DA8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BB70E94D-1F79-0E6A-FB1A-B1CEBC50C943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4EDC01B-D6CD-CDE1-0DFF-5223EED9578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9A36F85-2F69-5B91-5518-1F0F9885380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859536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BE9534-FB13-A9AE-FE58-9C4A964A65F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139239" y="0"/>
            <a:ext cx="3052761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3188091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2C398B-D021-7FA7-9C63-8A20EEFB2B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9181165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88D6622-0569-1373-8513-A84EE6BD9A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1800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D890ED-22EA-F340-5D69-C4482F8F5A7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A39646E-C2FB-1D0B-85AB-E420ACDD55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FA2FAFDC-E066-B77E-12C1-F5C9CB38605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918057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DD8565C4-8F2E-0139-9897-109BEE274160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705BDDFA-0DC1-F1AB-FDCC-0D5F3506297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F491B36-CB8B-04C1-6BE0-F0784E027C8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Content Placeholder 8">
            <a:extLst>
              <a:ext uri="{FF2B5EF4-FFF2-40B4-BE49-F238E27FC236}">
                <a16:creationId xmlns:a16="http://schemas.microsoft.com/office/drawing/2014/main" id="{8EC902F4-236E-9EB9-D886-80FFA518400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9533D15F-82ED-36DB-9A8B-4919A07A7BF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9180576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6C5DBD-3D8A-1946-1744-DC8042EC861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728432" y="0"/>
            <a:ext cx="2463568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836815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 (light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296344554" name="Classification" descr="{&quot;templafy&quot;:{&quot;id&quot;:&quot;66d54d15-a718-4227-9c5a-a9aa97af696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2700EA22-4967-EB8B-8572-337707EA64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A5BE7224-9D04-78A1-1ECC-F8903196BA5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BE6EDD7-71DD-0432-9AA7-5420CF75EE1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05EB70D6-8B07-4B1A-E89C-ACBEBFB3376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6205538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65362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65951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965362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6965362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6681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 (dark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649780883" name="Classification" descr="{&quot;templafy&quot;:{&quot;id&quot;:&quot;e33684ef-9666-4f66-9564-53b43d16e8a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F2BFD6D9-7CC9-04DE-B96D-15D2BDDBCA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70146E08-A8C9-A8CF-28EC-AA03887F0FC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5B166A2-5329-1315-4496-5FE31CD1E69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BD510BD-93B4-BDDF-0E84-0627027FE18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506989" y="0"/>
            <a:ext cx="268501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4246563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0150" y="691200"/>
            <a:ext cx="685165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10975" y="1057498"/>
            <a:ext cx="685082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010150" y="1929600"/>
            <a:ext cx="6851650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501015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6947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BFAC61-1279-7B60-CECC-86A719FA5D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12ECBC9-7903-0325-4714-B64BC595A9B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448B956-DC0E-0B78-5410-11E0E2F220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618CCB-2103-080F-B675-E4C472681C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F52BB6-D70A-2B2C-B861-43846E0384C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22007A1-F280-15BD-766A-2A8B68C6C1A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CB15DC7C-95AF-DF77-404F-4AAA9568B80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4679F60-C64F-3014-8490-313B90245B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00E1C5C4-2E56-4FDF-430C-4D4CD25E1AC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9962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E93467-31B0-B26B-0A69-CEE1BBF92D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C68DB0D-B0C8-A70B-9EA0-CF87F7D006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DF54DE3-2E20-4DE8-B5E1-349CFC50CC7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6C146C5-EFC9-3F84-BAA9-A0D23F6E67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992CDA1E-EA55-E4C2-CB79-AD61C1E3602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F169E811-1A99-80DE-40CA-0E49ABE034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216F5BAA-6C08-E976-9914-2635E3C044BF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AA22A5E-5748-150B-DB95-169F64379E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674864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35323466-C553-6238-DD1B-476EDA1F5D7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674864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22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AC835-87D6-25C6-1C0C-B16378EA1C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E0FB9F6-057D-DEAE-3326-D871FC4C73B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B13111F-1867-8F94-C54C-C14750D9022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F82FC2B-518F-F076-7481-C19EFDFB12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7C1678-5BCA-4DC1-8A51-3AEFECC5B0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7A71E51-260F-C225-0141-1C78748CA3E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5B4FFFA6-62DB-C634-46E8-2BBE78F1FE91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9B2024F1-6D5D-1D1C-1DDB-77BCBA748A23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462653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10259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7B29AAA6-A1F6-490A-1EFC-6B447EB1762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8924925" cy="3922341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32CCBB1-04BD-FE31-F06D-102B92D55F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386D38F8-004F-7DCE-C310-B4E7FCA060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AE2F316-0016-9697-4E87-5EDF2C8F03B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4BA63496-C2A8-94B3-DF70-7124A3FF500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2" name="Tag line">
            <a:extLst>
              <a:ext uri="{FF2B5EF4-FFF2-40B4-BE49-F238E27FC236}">
                <a16:creationId xmlns:a16="http://schemas.microsoft.com/office/drawing/2014/main" id="{F7F21CC0-8031-7C43-8705-86240000D027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266144981" name="Classification" descr="{&quot;templafy&quot;:{&quot;id&quot;:&quot;6423a713-0afa-4251-9abc-aa3d7966b65c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939901-3878-567C-6F7B-62F568F5EA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465E89-325E-25CE-C35D-AD7B0E2BA75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E7C8C55-BF0B-AB3A-01C9-D37FA0AC0D8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C8C4A6-E706-08CD-E591-31C776881C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C3656E4-F3AA-6EE7-E3C0-CE78B0D5C66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9E0BF222-DE36-6B8E-3ADD-DE5450E802B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6090B701-78C3-C044-E7EC-1B49E3C301E8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69BCFFDA-C3AF-2E7B-90ED-9900D4167C3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53B80110-9520-18FD-D36C-C9B976C745B5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8840A287-AA7C-1164-424E-57005EFA7C0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1927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35AC138-46EC-3DA3-0F28-7B8889071F0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03148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581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17E946-8B12-F6C2-90DD-0AEB05863D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F3F8FD4-F79F-BBCE-CDA8-C0C6B8FBE1C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806FA28-409D-CEEB-7D91-FE5023B00E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BD96B3-34E7-65FF-456D-F32ACD9B16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851678F-D8EB-2069-FF1C-22C7776FEEA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18DF5F0-616C-E1B2-F94F-A3892597809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E7CDFFF-4EB0-0A69-7997-7829DEA74BA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D38B606-5A94-1DF8-F564-D4E7BF675A2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1240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92CFE117-420C-7B9E-ED0C-7CB8F24829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11240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C2C40EB7-4527-3CFA-2B47-3BD797257D9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65324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1BA7AFC-A49F-988B-82B3-3E768ED02F6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065324" y="1927224"/>
            <a:ext cx="312724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1725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F291C9-4F13-1C53-0D29-8B4F95EDF8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0F5A4D-86A4-3B8B-569A-BCFEABBBD58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234DC91-C253-039A-84E0-3DF91790262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4ECE1D-AD44-4D18-1B8E-9B3643EE0A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61CBEA37-4E6C-886E-5284-5170A3A140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81BE5845-D81D-D5A2-A0EC-9224C116F9C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C6E0DDC-217A-6FF3-673A-BC0CBA8574FD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0E6E7E98-2D75-359B-6735-0541241142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974974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685FBAA7-7315-D4AF-B4A4-84A3EA1B568A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5946773" y="1929600"/>
            <a:ext cx="2974975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92482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46CA75-11C8-11F4-38F3-2C08D8F37B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BCDB1A9-1F11-3834-3CC5-115B9C807F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8FD58C4-DCD9-0E66-56A1-CE6ED3EA64C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A99120-C446-1A6A-CBBD-494AB01039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5108448B-C67F-F2DF-30B4-B614122A48C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71C9BBEE-C553-7B7B-8BCE-CE52618EAF0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A2C65CF7-B7D3-2FC8-2500-FC061D5127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7563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32003C22-01A2-AB04-5FD8-C5EC97EE357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007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A5359350-17C7-BFC0-8597-500F5190AEE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64520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5994943-1F91-799B-85DE-A327AF72E39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304495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68FD9CCE-E850-F96A-DF0A-E3B3E6489BC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4952" y="3429000"/>
            <a:ext cx="3049016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C433D109-B376-AD18-00A5-771EE1A4FE29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089904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FAE2697-9921-CE23-3B66-375A974D4E68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138920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11636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66B2EA-4B3F-F123-A5EA-87BE556C14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6094FE1-D6F0-664C-1D81-7E6AE61562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4F52C3-F04E-0FA2-F081-B85C7B5FD6A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87B60B-6009-E3A0-F457-0952015A79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795F8BFE-B93A-7D96-5C59-32383350099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5AC289A9-61FF-919C-A713-D96BEEF20F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8703759B-37D5-9836-B8D4-7FAF1C471801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416296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419DF3DA-499C-CD92-64F9-D0F143511B8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674864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3DA574A4-7D8E-8CD5-863A-D1DD360E2A2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933432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6D82625-D560-1802-3C1E-8DAFEA0ACC62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64D5035-9BCE-CFCE-AD2E-00B8AA8ACAA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5416296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21761756-C013-C4EE-F768-37ECCBD621F4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674864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5BFCC3D5-8804-66D5-4DB5-132AD07EBE7E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933432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51049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9158D2-BF02-6D8B-2657-4F55E807A0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6BEC0D6-C6CD-BB72-C1C4-E1ADE6242C5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7CBE13-14D5-CB74-CC1E-C80A25B02F9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74D404-DD89-52F0-D4F0-7F32CBF141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C8615787-F3A0-0D1E-1BE7-5F204902FB2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E5107EE-359F-C30C-11D7-75EB465A994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F7498406-CA9D-4715-8256-91CC499394C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57DC084-6F55-89FB-825F-1C007616A4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24802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A655AB4A-A301-3405-82C2-A760925DD14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449604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50C040CA-2BE0-9525-9398-7E45552B40D5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674406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60100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532389453" name="Classification" descr="{&quot;templafy&quot;:{&quot;id&quot;:&quot;d7d7ee78-7152-43c9-b6ef-854a0729f69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E830A1BB-93D2-83E6-5E0F-A2EB11913C1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922776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4510514A-B508-6FBD-95BC-27F50F5F7C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18287956-228E-9217-B1A8-22A42BB9629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13D1C327-FC2E-1D32-7B54-A5257759E04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EB06A3-B60B-5E8B-65ED-9B854D9774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5" name="Tag line">
            <a:extLst>
              <a:ext uri="{FF2B5EF4-FFF2-40B4-BE49-F238E27FC236}">
                <a16:creationId xmlns:a16="http://schemas.microsoft.com/office/drawing/2014/main" id="{AA4179DF-8B56-C9BC-1094-3EFFC44DA825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004C4D90-813B-7EA2-63F0-A808049E0C05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6FCFEBF6-8F43-D15A-C8AE-9705235623A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 bwMode="gray">
          <a:xfrm>
            <a:off x="331200" y="513212"/>
            <a:ext cx="304800" cy="37186"/>
          </a:xfrm>
          <a:custGeom>
            <a:avLst/>
            <a:gdLst>
              <a:gd name="connsiteX0" fmla="*/ 0 w 304800"/>
              <a:gd name="connsiteY0" fmla="*/ 0 h 37186"/>
              <a:gd name="connsiteX1" fmla="*/ 304800 w 304800"/>
              <a:gd name="connsiteY1" fmla="*/ 0 h 37186"/>
              <a:gd name="connsiteX2" fmla="*/ 304800 w 304800"/>
              <a:gd name="connsiteY2" fmla="*/ 37186 h 37186"/>
              <a:gd name="connsiteX3" fmla="*/ 0 w 304800"/>
              <a:gd name="connsiteY3" fmla="*/ 37186 h 371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4800" h="37186">
                <a:moveTo>
                  <a:pt x="0" y="0"/>
                </a:moveTo>
                <a:lnTo>
                  <a:pt x="304800" y="0"/>
                </a:lnTo>
                <a:lnTo>
                  <a:pt x="304800" y="37186"/>
                </a:lnTo>
                <a:lnTo>
                  <a:pt x="0" y="37186"/>
                </a:lnTo>
                <a:close/>
              </a:path>
            </a:pathLst>
          </a:custGeom>
          <a:solidFill>
            <a:schemeClr val="bg2"/>
          </a:solidFill>
          <a:ln w="6350">
            <a:noFill/>
            <a:miter lim="800000"/>
          </a:ln>
        </p:spPr>
        <p:txBody>
          <a:bodyPr wrap="square" lIns="0" tIns="0" rIns="0" bIns="0">
            <a:noAutofit/>
          </a:bodyPr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691410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 (big 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EAA09D2E-D7D5-FBB9-4B87-CC6CD2E49D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60E2C2D2-B7EB-2053-0B06-8BC75B8E412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5293466"/>
            <a:ext cx="8594771" cy="486000"/>
          </a:xfrm>
        </p:spPr>
        <p:txBody>
          <a:bodyPr lIns="0" tIns="0" rIns="0" b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5F8B3F-EE2C-9020-E1E7-B0365650AB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1200" y="2946400"/>
            <a:ext cx="8594771" cy="2246999"/>
          </a:xfrm>
        </p:spPr>
        <p:txBody>
          <a:bodyPr anchor="b"/>
          <a:lstStyle>
            <a:lvl1pPr>
              <a:defRPr sz="6000" b="0" cap="all" baseline="0">
                <a:latin typeface="ABBvoice Display SemiBold" panose="020D0704020603060204" pitchFamily="34" charset="0"/>
                <a:cs typeface="ABBvoice Display Beta SemiBold" panose="020D0704020603060204" pitchFamily="34" charset="0"/>
              </a:defRPr>
            </a:lvl1pPr>
          </a:lstStyle>
          <a:p>
            <a:r>
              <a:rPr lang="en-US" dirty="0"/>
              <a:t>Big caption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4273CE9-8AEE-AD06-CBD8-70F010A7D6B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8BC6633-994B-77A9-AC8E-3EB4747035E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2888C2-6D99-9F06-53FC-4B7B33F4CF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520519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 anchor="b"/>
          <a:lstStyle>
            <a:lvl1pPr>
              <a:defRPr sz="3600" b="0" cap="all" baseline="0">
                <a:latin typeface="ABBvoice Display SemiBold" panose="020D0704020603060204" pitchFamily="34" charset="0"/>
                <a:ea typeface="ABBvoice Light" panose="020D0403020503020204" pitchFamily="34" charset="0"/>
                <a:cs typeface="ABBvoice Display Beta SemiBold" panose="020D070402060306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800" b="1">
                <a:solidFill>
                  <a:schemeClr val="tx2"/>
                </a:solidFill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5AEB427-FB8B-FC30-58E4-396214CEB71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C78DE0D1-FC76-CA62-6E66-A111968AA3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9" name="Text Placeholder 10">
            <a:extLst>
              <a:ext uri="{FF2B5EF4-FFF2-40B4-BE49-F238E27FC236}">
                <a16:creationId xmlns:a16="http://schemas.microsoft.com/office/drawing/2014/main" id="{EE832AA2-03A2-E191-75A1-F8C19050D47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tx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3E5CE7EF-73C3-CAE2-B471-EE2DA64E7F43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Tag line">
            <a:extLst>
              <a:ext uri="{FF2B5EF4-FFF2-40B4-BE49-F238E27FC236}">
                <a16:creationId xmlns:a16="http://schemas.microsoft.com/office/drawing/2014/main" id="{6B3816BE-27EB-D6FA-366D-A467FA34B9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28313" y="2826823"/>
            <a:ext cx="5135380" cy="116517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B04CEB8C-9FB2-7FEF-DEA7-50BB992EC21A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A9ADE4CC-155D-8DBE-55E3-24F0D81916F0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526694" y="2826823"/>
            <a:ext cx="3138612" cy="120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9" dur="10" fill="hold"/>
                                        <p:tgtEl>
                                          <p:spTgt spid="4"/>
                                        </p:tgtEl>
                                      </p:cBhvr>
                                      <p:by x="125000" y="125000"/>
                                    </p:animScale>
                                  </p:childTnLst>
                                </p:cTn>
                              </p:par>
                              <p:par>
                                <p:cTn id="10" presetID="6" presetClass="emph" presetSubtype="0" decel="10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11" dur="750" fill="hold"/>
                                        <p:tgtEl>
                                          <p:spTgt spid="4"/>
                                        </p:tgtEl>
                                      </p:cBhvr>
                                      <p:by x="80000" y="80000"/>
                                    </p:animScale>
                                  </p:childTnLst>
                                </p:cTn>
                              </p:par>
                              <p:par>
                                <p:cTn id="12" presetID="10" presetClass="exit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75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3" grpId="1" animBg="1"/>
    </p:bldLst>
  </p:timing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>
      <p:transition spd="med">
        <p:fade/>
      </p:transition>
    </mc:Fallback>
  </mc:AlternateConten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6940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87475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slideLayout" Target="../slideLayouts/slideLayout66.xml"/><Relationship Id="rId74" Type="http://schemas.openxmlformats.org/officeDocument/2006/relationships/slideLayout" Target="../slideLayouts/slideLayout74.xml"/><Relationship Id="rId79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80" Type="http://schemas.openxmlformats.org/officeDocument/2006/relationships/image" Target="../media/image2.svg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79">
            <a:extLst>
              <a:ext uri="{96DAC541-7B7A-43D3-8B79-37D633B846F1}">
                <asvg:svgBlip xmlns:asvg="http://schemas.microsoft.com/office/drawing/2016/SVG/main" r:embed="rId80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dynamic" descr="{&quot;templafy&quot;:{&quot;id&quot;:&quot;db5cd5fe-ca5a-49e7-b0e9-fa19bdb8bd52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Nr.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711" r:id="rId8"/>
    <p:sldLayoutId id="2147483712" r:id="rId9"/>
    <p:sldLayoutId id="2147483713" r:id="rId10"/>
    <p:sldLayoutId id="2147483714" r:id="rId11"/>
    <p:sldLayoutId id="2147483715" r:id="rId12"/>
    <p:sldLayoutId id="2147483654" r:id="rId13"/>
    <p:sldLayoutId id="2147483698" r:id="rId14"/>
    <p:sldLayoutId id="2147483655" r:id="rId15"/>
    <p:sldLayoutId id="2147483705" r:id="rId16"/>
    <p:sldLayoutId id="2147483716" r:id="rId17"/>
    <p:sldLayoutId id="2147483656" r:id="rId18"/>
    <p:sldLayoutId id="2147483706" r:id="rId19"/>
    <p:sldLayoutId id="2147483717" r:id="rId20"/>
    <p:sldLayoutId id="2147483657" r:id="rId21"/>
    <p:sldLayoutId id="2147483707" r:id="rId22"/>
    <p:sldLayoutId id="2147483718" r:id="rId23"/>
    <p:sldLayoutId id="2147483658" r:id="rId24"/>
    <p:sldLayoutId id="2147483708" r:id="rId25"/>
    <p:sldLayoutId id="2147483661" r:id="rId26"/>
    <p:sldLayoutId id="2147483662" r:id="rId27"/>
    <p:sldLayoutId id="2147483719" r:id="rId28"/>
    <p:sldLayoutId id="2147483659" r:id="rId29"/>
    <p:sldLayoutId id="2147483660" r:id="rId30"/>
    <p:sldLayoutId id="2147483663" r:id="rId31"/>
    <p:sldLayoutId id="2147483664" r:id="rId32"/>
    <p:sldLayoutId id="2147483665" r:id="rId33"/>
    <p:sldLayoutId id="2147483666" r:id="rId34"/>
    <p:sldLayoutId id="2147483668" r:id="rId35"/>
    <p:sldLayoutId id="2147483670" r:id="rId36"/>
    <p:sldLayoutId id="2147483671" r:id="rId37"/>
    <p:sldLayoutId id="2147483669" r:id="rId38"/>
    <p:sldLayoutId id="2147483731" r:id="rId39"/>
    <p:sldLayoutId id="2147483732" r:id="rId40"/>
    <p:sldLayoutId id="2147483672" r:id="rId41"/>
    <p:sldLayoutId id="2147483673" r:id="rId42"/>
    <p:sldLayoutId id="2147483694" r:id="rId43"/>
    <p:sldLayoutId id="2147483674" r:id="rId44"/>
    <p:sldLayoutId id="2147483675" r:id="rId45"/>
    <p:sldLayoutId id="2147483720" r:id="rId46"/>
    <p:sldLayoutId id="2147483721" r:id="rId47"/>
    <p:sldLayoutId id="2147483722" r:id="rId48"/>
    <p:sldLayoutId id="2147483676" r:id="rId49"/>
    <p:sldLayoutId id="2147483723" r:id="rId50"/>
    <p:sldLayoutId id="2147483724" r:id="rId51"/>
    <p:sldLayoutId id="2147483725" r:id="rId52"/>
    <p:sldLayoutId id="2147483677" r:id="rId53"/>
    <p:sldLayoutId id="2147483726" r:id="rId54"/>
    <p:sldLayoutId id="2147483727" r:id="rId55"/>
    <p:sldLayoutId id="2147483728" r:id="rId56"/>
    <p:sldLayoutId id="2147483678" r:id="rId57"/>
    <p:sldLayoutId id="2147483679" r:id="rId58"/>
    <p:sldLayoutId id="2147483680" r:id="rId59"/>
    <p:sldLayoutId id="2147483730" r:id="rId60"/>
    <p:sldLayoutId id="2147483729" r:id="rId61"/>
    <p:sldLayoutId id="2147483682" r:id="rId62"/>
    <p:sldLayoutId id="2147483683" r:id="rId63"/>
    <p:sldLayoutId id="2147483684" r:id="rId64"/>
    <p:sldLayoutId id="2147483685" r:id="rId65"/>
    <p:sldLayoutId id="2147483686" r:id="rId66"/>
    <p:sldLayoutId id="2147483687" r:id="rId67"/>
    <p:sldLayoutId id="2147483667" r:id="rId68"/>
    <p:sldLayoutId id="2147483688" r:id="rId69"/>
    <p:sldLayoutId id="2147483689" r:id="rId70"/>
    <p:sldLayoutId id="2147483690" r:id="rId71"/>
    <p:sldLayoutId id="2147483691" r:id="rId72"/>
    <p:sldLayoutId id="2147483692" r:id="rId73"/>
    <p:sldLayoutId id="2147483699" r:id="rId74"/>
    <p:sldLayoutId id="2147483693" r:id="rId75"/>
    <p:sldLayoutId id="2147483709" r:id="rId76"/>
    <p:sldLayoutId id="2147483710" r:id="rId7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 xmlns:p15="http://schemas.microsoft.com/office/powerpoint/2012/main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8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5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5.xm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1.xml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14.xml"/></Relationships>
</file>

<file path=ppt/slides/_rels/slide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4.xml"/></Relationships>
</file>

<file path=ppt/slides/_rels/slide5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5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9.xml"/></Relationships>
</file>

<file path=ppt/slides/_rels/slide5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6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049149-61F6-9C37-42FA-274C5D2E94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Zahle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537B66A-F008-613D-6332-F7721ED44E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C07286A-A92A-922C-B2C4-18D4EBF836C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5E81403-04AB-E449-66CF-58C6678B29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>
            <a:extLst>
              <a:ext uri="{FF2B5EF4-FFF2-40B4-BE49-F238E27FC236}">
                <a16:creationId xmlns:a16="http://schemas.microsoft.com/office/drawing/2014/main" id="{6F1B21D1-57DA-9EF4-D312-B78424EADC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dirty="0"/>
              <a:t>Fehler verstehen</a:t>
            </a: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0F85459C-657B-14FB-F202-91FE90E1009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199" y="2515803"/>
            <a:ext cx="11530011" cy="3075743"/>
          </a:xfrm>
          <a:prstGeom prst="rect">
            <a:avLst/>
          </a:prstGeom>
          <a:noFill/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E4C603C3-30F1-1A60-1B9B-8812E88FA60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/>
          <a:lstStyle/>
          <a:p>
            <a:endParaRPr lang="en-US"/>
          </a:p>
        </p:txBody>
      </p:sp>
      <p:sp>
        <p:nvSpPr>
          <p:cNvPr id="18" name="Footer Placeholder 4">
            <a:extLst>
              <a:ext uri="{FF2B5EF4-FFF2-40B4-BE49-F238E27FC236}">
                <a16:creationId xmlns:a16="http://schemas.microsoft.com/office/drawing/2014/main" id="{22A02431-43FD-F193-23B4-2E9B5C39665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ABA6ED3E-57E5-DF3F-7C71-14DEB3E90C9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September 9, 2025</a:t>
            </a:fld>
            <a:endParaRPr lang="en-US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0A962F49-7D1F-88E9-DCAE-1207184C4F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10</a:t>
            </a:fld>
            <a:endParaRPr lang="en-US"/>
          </a:p>
        </p:txBody>
      </p:sp>
      <p:cxnSp>
        <p:nvCxnSpPr>
          <p:cNvPr id="11" name="Verbinder: gewinkelt 10">
            <a:extLst>
              <a:ext uri="{FF2B5EF4-FFF2-40B4-BE49-F238E27FC236}">
                <a16:creationId xmlns:a16="http://schemas.microsoft.com/office/drawing/2014/main" id="{5EFB086F-A808-522B-9B42-EA709DA55094}"/>
              </a:ext>
            </a:extLst>
          </p:cNvPr>
          <p:cNvCxnSpPr>
            <a:cxnSpLocks/>
          </p:cNvCxnSpPr>
          <p:nvPr/>
        </p:nvCxnSpPr>
        <p:spPr bwMode="gray">
          <a:xfrm rot="16200000" flipV="1">
            <a:off x="10489550" y="3751866"/>
            <a:ext cx="695791" cy="198520"/>
          </a:xfrm>
          <a:prstGeom prst="bentConnector3">
            <a:avLst>
              <a:gd name="adj1" fmla="val 99282"/>
            </a:avLst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feld 16">
            <a:extLst>
              <a:ext uri="{FF2B5EF4-FFF2-40B4-BE49-F238E27FC236}">
                <a16:creationId xmlns:a16="http://schemas.microsoft.com/office/drawing/2014/main" id="{86612CF7-E9D2-B809-7502-BBB1F50B0812}"/>
              </a:ext>
            </a:extLst>
          </p:cNvPr>
          <p:cNvSpPr txBox="1"/>
          <p:nvPr/>
        </p:nvSpPr>
        <p:spPr bwMode="gray">
          <a:xfrm>
            <a:off x="9613232" y="4199022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Einzige interessante Zeile</a:t>
            </a:r>
          </a:p>
        </p:txBody>
      </p:sp>
    </p:spTree>
    <p:extLst>
      <p:ext uri="{BB962C8B-B14F-4D97-AF65-F5344CB8AC3E}">
        <p14:creationId xmlns:p14="http://schemas.microsoft.com/office/powerpoint/2010/main" val="3780905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D500AE-B919-1F7B-86B3-68627E66A6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>
            <a:extLst>
              <a:ext uri="{FF2B5EF4-FFF2-40B4-BE49-F238E27FC236}">
                <a16:creationId xmlns:a16="http://schemas.microsoft.com/office/drawing/2014/main" id="{D6D4A8FC-15E9-1FD9-A2CE-55455AADCCE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dirty="0"/>
              <a:t>Fehler verstehen</a:t>
            </a: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33C084B0-B953-6015-3220-5AF53B25796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199" y="2515803"/>
            <a:ext cx="11530011" cy="3075743"/>
          </a:xfrm>
          <a:prstGeom prst="rect">
            <a:avLst/>
          </a:prstGeom>
          <a:noFill/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A54224CA-A18E-B115-3861-D32F3A3D2F4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/>
          <a:lstStyle/>
          <a:p>
            <a:endParaRPr lang="en-US"/>
          </a:p>
        </p:txBody>
      </p:sp>
      <p:sp>
        <p:nvSpPr>
          <p:cNvPr id="18" name="Footer Placeholder 4">
            <a:extLst>
              <a:ext uri="{FF2B5EF4-FFF2-40B4-BE49-F238E27FC236}">
                <a16:creationId xmlns:a16="http://schemas.microsoft.com/office/drawing/2014/main" id="{905817DB-003A-9559-E111-BFAE65FB95E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0B86C473-C6F2-3534-E141-AD156843D0F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September 9, 2025</a:t>
            </a:fld>
            <a:endParaRPr lang="en-US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4515C86-7E5A-EF3D-9A28-B6AD5AA694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11</a:t>
            </a:fld>
            <a:endParaRPr lang="en-US"/>
          </a:p>
        </p:txBody>
      </p:sp>
      <p:cxnSp>
        <p:nvCxnSpPr>
          <p:cNvPr id="11" name="Verbinder: gewinkelt 10">
            <a:extLst>
              <a:ext uri="{FF2B5EF4-FFF2-40B4-BE49-F238E27FC236}">
                <a16:creationId xmlns:a16="http://schemas.microsoft.com/office/drawing/2014/main" id="{EB127F49-05A7-A89B-D5A5-296AAB5136FA}"/>
              </a:ext>
            </a:extLst>
          </p:cNvPr>
          <p:cNvCxnSpPr>
            <a:cxnSpLocks/>
          </p:cNvCxnSpPr>
          <p:nvPr/>
        </p:nvCxnSpPr>
        <p:spPr bwMode="gray">
          <a:xfrm rot="16200000" flipV="1">
            <a:off x="10489550" y="3751866"/>
            <a:ext cx="695791" cy="198520"/>
          </a:xfrm>
          <a:prstGeom prst="bentConnector3">
            <a:avLst>
              <a:gd name="adj1" fmla="val 99282"/>
            </a:avLst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feld 16">
            <a:extLst>
              <a:ext uri="{FF2B5EF4-FFF2-40B4-BE49-F238E27FC236}">
                <a16:creationId xmlns:a16="http://schemas.microsoft.com/office/drawing/2014/main" id="{C2FC9292-CBE6-4BF5-59F3-20FA1BB08598}"/>
              </a:ext>
            </a:extLst>
          </p:cNvPr>
          <p:cNvSpPr txBox="1"/>
          <p:nvPr/>
        </p:nvSpPr>
        <p:spPr bwMode="gray">
          <a:xfrm>
            <a:off x="9613232" y="4199022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Einzige interessante Zeile</a:t>
            </a:r>
          </a:p>
        </p:txBody>
      </p:sp>
      <p:sp>
        <p:nvSpPr>
          <p:cNvPr id="2" name="Textfeld 1">
            <a:extLst>
              <a:ext uri="{FF2B5EF4-FFF2-40B4-BE49-F238E27FC236}">
                <a16:creationId xmlns:a16="http://schemas.microsoft.com/office/drawing/2014/main" id="{3EEFD094-07DD-3405-2116-6F2F90569E7D}"/>
              </a:ext>
            </a:extLst>
          </p:cNvPr>
          <p:cNvSpPr txBox="1"/>
          <p:nvPr/>
        </p:nvSpPr>
        <p:spPr bwMode="gray">
          <a:xfrm>
            <a:off x="541421" y="4053674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Operator % bezieht sich auf % 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 Es gibt ein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problem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mit %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Not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defin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on 4.6 (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)  % kann nicht mit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rechnen</a:t>
            </a:r>
          </a:p>
          <a:p>
            <a:pPr algn="l">
              <a:spcBef>
                <a:spcPts val="600"/>
              </a:spcBef>
            </a:pP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?</a:t>
            </a:r>
          </a:p>
          <a:p>
            <a:pPr algn="l">
              <a:spcBef>
                <a:spcPts val="600"/>
              </a:spcBef>
            </a:pPr>
            <a:endParaRPr lang="de-DE" sz="14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356874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4DFC40C-1EAB-6667-958E-C1B95EEB062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>
            <a:extLst>
              <a:ext uri="{FF2B5EF4-FFF2-40B4-BE49-F238E27FC236}">
                <a16:creationId xmlns:a16="http://schemas.microsoft.com/office/drawing/2014/main" id="{0134B474-E373-B405-3990-779FEFE2356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dirty="0"/>
              <a:t>Fehler verstehen</a:t>
            </a: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12E7497C-68E5-1F1A-E2B1-668EB2077E3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199" y="2515803"/>
            <a:ext cx="11530011" cy="3075743"/>
          </a:xfrm>
          <a:prstGeom prst="rect">
            <a:avLst/>
          </a:prstGeom>
          <a:noFill/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6E4580F7-3761-2ABD-028D-930C8C2CC75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/>
          <a:lstStyle/>
          <a:p>
            <a:endParaRPr lang="en-US"/>
          </a:p>
        </p:txBody>
      </p:sp>
      <p:sp>
        <p:nvSpPr>
          <p:cNvPr id="18" name="Footer Placeholder 4">
            <a:extLst>
              <a:ext uri="{FF2B5EF4-FFF2-40B4-BE49-F238E27FC236}">
                <a16:creationId xmlns:a16="http://schemas.microsoft.com/office/drawing/2014/main" id="{0715BF66-299B-693B-BA1A-17FFBFD2D27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4E6F5D13-B580-D9EC-21BE-7243349535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September 9, 2025</a:t>
            </a:fld>
            <a:endParaRPr lang="en-US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9378FEE4-BEE9-D243-0536-856E4C626A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12</a:t>
            </a:fld>
            <a:endParaRPr lang="en-US"/>
          </a:p>
        </p:txBody>
      </p:sp>
      <p:cxnSp>
        <p:nvCxnSpPr>
          <p:cNvPr id="11" name="Verbinder: gewinkelt 10">
            <a:extLst>
              <a:ext uri="{FF2B5EF4-FFF2-40B4-BE49-F238E27FC236}">
                <a16:creationId xmlns:a16="http://schemas.microsoft.com/office/drawing/2014/main" id="{71B7D28E-B74A-4AF5-5816-CF58007E3F33}"/>
              </a:ext>
            </a:extLst>
          </p:cNvPr>
          <p:cNvCxnSpPr>
            <a:cxnSpLocks/>
          </p:cNvCxnSpPr>
          <p:nvPr/>
        </p:nvCxnSpPr>
        <p:spPr bwMode="gray">
          <a:xfrm rot="16200000" flipV="1">
            <a:off x="10489550" y="3751866"/>
            <a:ext cx="695791" cy="198520"/>
          </a:xfrm>
          <a:prstGeom prst="bentConnector3">
            <a:avLst>
              <a:gd name="adj1" fmla="val 99282"/>
            </a:avLst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feld 16">
            <a:extLst>
              <a:ext uri="{FF2B5EF4-FFF2-40B4-BE49-F238E27FC236}">
                <a16:creationId xmlns:a16="http://schemas.microsoft.com/office/drawing/2014/main" id="{7E917FD5-FDA1-5957-90C1-3FD0575477A6}"/>
              </a:ext>
            </a:extLst>
          </p:cNvPr>
          <p:cNvSpPr txBox="1"/>
          <p:nvPr/>
        </p:nvSpPr>
        <p:spPr bwMode="gray">
          <a:xfrm>
            <a:off x="9613232" y="4199022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Einzige interessante Zeile</a:t>
            </a:r>
          </a:p>
        </p:txBody>
      </p:sp>
      <p:sp>
        <p:nvSpPr>
          <p:cNvPr id="2" name="Textfeld 1">
            <a:extLst>
              <a:ext uri="{FF2B5EF4-FFF2-40B4-BE49-F238E27FC236}">
                <a16:creationId xmlns:a16="http://schemas.microsoft.com/office/drawing/2014/main" id="{C8C0D8C3-5AA8-0045-74E0-FDB32883D7ED}"/>
              </a:ext>
            </a:extLst>
          </p:cNvPr>
          <p:cNvSpPr txBox="1"/>
          <p:nvPr/>
        </p:nvSpPr>
        <p:spPr bwMode="gray">
          <a:xfrm>
            <a:off x="541421" y="4053674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Operator % bezieht sich auf % 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 Es gibt ein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problem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mit %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Not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defin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on 4.6 (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)  % kann nicht mit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rechnen</a:t>
            </a:r>
          </a:p>
          <a:p>
            <a:pPr algn="l">
              <a:spcBef>
                <a:spcPts val="600"/>
              </a:spcBef>
            </a:pP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?</a:t>
            </a:r>
          </a:p>
          <a:p>
            <a:pPr algn="l">
              <a:spcBef>
                <a:spcPts val="600"/>
              </a:spcBef>
            </a:pP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= kommazahl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Rest irrelevant</a:t>
            </a:r>
          </a:p>
          <a:p>
            <a:pPr algn="l">
              <a:spcBef>
                <a:spcPts val="600"/>
              </a:spcBef>
            </a:pPr>
            <a:endParaRPr lang="de-DE" sz="14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347313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B8A7C53-B721-9B0B-D4A9-06706C4310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Wahrheitswerte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9825C2B0-B8BC-3F48-2A6B-C1523FE92AA2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Datentyp </a:t>
            </a:r>
            <a:r>
              <a:rPr lang="de-DE" dirty="0" err="1"/>
              <a:t>name</a:t>
            </a:r>
            <a:r>
              <a:rPr lang="de-DE" dirty="0"/>
              <a:t>: </a:t>
            </a:r>
            <a:r>
              <a:rPr lang="de-DE" dirty="0" err="1"/>
              <a:t>bool</a:t>
            </a:r>
            <a:endParaRPr lang="de-DE" dirty="0"/>
          </a:p>
          <a:p>
            <a:r>
              <a:rPr lang="de-DE" dirty="0"/>
              <a:t>Kann </a:t>
            </a:r>
            <a:r>
              <a:rPr lang="de-DE" dirty="0" err="1"/>
              <a:t>true</a:t>
            </a:r>
            <a:r>
              <a:rPr lang="de-DE" dirty="0"/>
              <a:t> oder </a:t>
            </a:r>
            <a:r>
              <a:rPr lang="de-DE" dirty="0" err="1"/>
              <a:t>false</a:t>
            </a:r>
            <a:r>
              <a:rPr lang="de-DE" dirty="0"/>
              <a:t> annehm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EFFB0E55-7B1C-6715-8ADB-7B03BFB6251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371B09F1-6727-EF0E-6E62-B237111F070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82AFDA80-BE6A-8243-8B0E-1EE7D094BE6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979F830B-9C56-B2F6-DECC-897883DCA2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123024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BEF2DE-9B47-9278-9E9F-6E5B71BF50A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024A916-A95F-7E59-30C4-FEF9D1EB87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Wahrheitswerte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B511C36-CDB3-3B59-0B26-E09BB3C116BB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Datentyp </a:t>
            </a:r>
            <a:r>
              <a:rPr lang="de-DE" dirty="0" err="1"/>
              <a:t>name</a:t>
            </a:r>
            <a:r>
              <a:rPr lang="de-DE" dirty="0"/>
              <a:t>: </a:t>
            </a:r>
            <a:r>
              <a:rPr lang="de-DE" dirty="0" err="1"/>
              <a:t>bool</a:t>
            </a:r>
            <a:endParaRPr lang="de-DE" dirty="0"/>
          </a:p>
          <a:p>
            <a:r>
              <a:rPr lang="de-DE" dirty="0"/>
              <a:t>Kann </a:t>
            </a:r>
            <a:r>
              <a:rPr lang="de-DE" dirty="0" err="1"/>
              <a:t>true</a:t>
            </a:r>
            <a:r>
              <a:rPr lang="de-DE" dirty="0"/>
              <a:t> oder </a:t>
            </a:r>
            <a:r>
              <a:rPr lang="de-DE" dirty="0" err="1"/>
              <a:t>false</a:t>
            </a:r>
            <a:r>
              <a:rPr lang="de-DE" dirty="0"/>
              <a:t> annehmen</a:t>
            </a:r>
          </a:p>
          <a:p>
            <a:r>
              <a:rPr lang="de-DE" dirty="0"/>
              <a:t>Beispiel:</a:t>
            </a:r>
          </a:p>
          <a:p>
            <a:r>
              <a:rPr lang="de-DE" dirty="0"/>
              <a:t>3 &lt; 5 </a:t>
            </a:r>
            <a:r>
              <a:rPr lang="de-DE" dirty="0">
                <a:sym typeface="Wingdings" panose="05000000000000000000" pitchFamily="2" charset="2"/>
              </a:rPr>
              <a:t> </a:t>
            </a:r>
            <a:r>
              <a:rPr lang="de-DE" dirty="0" err="1">
                <a:sym typeface="Wingdings" panose="05000000000000000000" pitchFamily="2" charset="2"/>
              </a:rPr>
              <a:t>true</a:t>
            </a:r>
            <a:endParaRPr lang="de-DE" dirty="0">
              <a:sym typeface="Wingdings" panose="05000000000000000000" pitchFamily="2" charset="2"/>
            </a:endParaRP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D23B742D-115A-E485-10B6-A5372A1DA6A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1F7A82E3-FB1B-E3EC-89E4-87B109FD4A3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16AFDBB1-1642-9829-59CC-D5B74070B41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99B2C705-38FC-29BE-6030-050A87EC97A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90056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148CC6C-7EE9-E781-4547-932A573ACA3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D8ED6EE-A1B9-C3E9-6AB0-E96ED30A5A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Wahrheitswerte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526C1BE6-8795-6A47-C666-DFBC9C0D579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Datentyp </a:t>
            </a:r>
            <a:r>
              <a:rPr lang="de-DE" dirty="0" err="1"/>
              <a:t>name</a:t>
            </a:r>
            <a:r>
              <a:rPr lang="de-DE" dirty="0"/>
              <a:t>: </a:t>
            </a:r>
            <a:r>
              <a:rPr lang="de-DE" dirty="0" err="1"/>
              <a:t>bool</a:t>
            </a:r>
            <a:endParaRPr lang="de-DE" dirty="0"/>
          </a:p>
          <a:p>
            <a:r>
              <a:rPr lang="de-DE" dirty="0"/>
              <a:t>Kann </a:t>
            </a:r>
            <a:r>
              <a:rPr lang="de-DE" dirty="0" err="1"/>
              <a:t>true</a:t>
            </a:r>
            <a:r>
              <a:rPr lang="de-DE" dirty="0"/>
              <a:t> oder </a:t>
            </a:r>
            <a:r>
              <a:rPr lang="de-DE" dirty="0" err="1"/>
              <a:t>false</a:t>
            </a:r>
            <a:r>
              <a:rPr lang="de-DE" dirty="0"/>
              <a:t> annehmen</a:t>
            </a:r>
          </a:p>
          <a:p>
            <a:r>
              <a:rPr lang="de-DE" dirty="0"/>
              <a:t>Beispiel:</a:t>
            </a:r>
          </a:p>
          <a:p>
            <a:r>
              <a:rPr lang="de-DE" dirty="0"/>
              <a:t>3 &lt; 5 </a:t>
            </a:r>
            <a:r>
              <a:rPr lang="de-DE" dirty="0">
                <a:sym typeface="Wingdings" panose="05000000000000000000" pitchFamily="2" charset="2"/>
              </a:rPr>
              <a:t> </a:t>
            </a:r>
            <a:r>
              <a:rPr lang="de-DE" dirty="0" err="1">
                <a:sym typeface="Wingdings" panose="05000000000000000000" pitchFamily="2" charset="2"/>
              </a:rPr>
              <a:t>true</a:t>
            </a:r>
            <a:endParaRPr lang="de-DE" dirty="0">
              <a:sym typeface="Wingdings" panose="05000000000000000000" pitchFamily="2" charset="2"/>
            </a:endParaRPr>
          </a:p>
          <a:p>
            <a:r>
              <a:rPr lang="de-DE" dirty="0"/>
              <a:t>Schreibt in die </a:t>
            </a:r>
            <a:r>
              <a:rPr lang="de-DE" dirty="0" err="1"/>
              <a:t>fmt.Println</a:t>
            </a:r>
            <a:r>
              <a:rPr lang="de-DE" dirty="0"/>
              <a:t> klammern statt „hallo </a:t>
            </a:r>
            <a:r>
              <a:rPr lang="de-DE" dirty="0" err="1"/>
              <a:t>welt</a:t>
            </a:r>
            <a:r>
              <a:rPr lang="de-DE" dirty="0"/>
              <a:t>“ etwas mit den folgenden Funktionen aus: </a:t>
            </a:r>
          </a:p>
          <a:p>
            <a:r>
              <a:rPr lang="de-DE" dirty="0"/>
              <a:t>!   	(nicht)</a:t>
            </a:r>
          </a:p>
          <a:p>
            <a:r>
              <a:rPr lang="de-DE" dirty="0"/>
              <a:t>== 	(ist gleich)</a:t>
            </a:r>
          </a:p>
          <a:p>
            <a:r>
              <a:rPr lang="de-DE" dirty="0"/>
              <a:t>&amp;&amp;	(und)</a:t>
            </a:r>
          </a:p>
          <a:p>
            <a:r>
              <a:rPr lang="de-DE" dirty="0"/>
              <a:t>||	(oder)</a:t>
            </a:r>
          </a:p>
          <a:p>
            <a:r>
              <a:rPr lang="de-DE" dirty="0"/>
              <a:t>&lt; &gt;</a:t>
            </a:r>
          </a:p>
          <a:p>
            <a:r>
              <a:rPr lang="de-DE" dirty="0"/>
              <a:t>Nutzt klammer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7AD141D-7E97-D894-9712-A36D3C33CDB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CE738A70-92B8-B9FA-98A3-B268D8F664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2F42B114-D716-2071-18B1-28564E171E2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4EC76FD-9B93-956C-25F3-3003049150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84047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C24818-45BD-3CF0-B955-CCE6F7C426C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1800AE3-E918-9EB4-C145-5CE19A77F15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ariablen, was ist das?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9589B171-FF34-32E5-BF3C-16F8DD9A01EC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Speicherort für Daten in einem Programm</a:t>
            </a:r>
          </a:p>
          <a:p>
            <a:r>
              <a:rPr lang="de-DE" dirty="0"/>
              <a:t>Haben einen Datentyp, der festgelegt werden muss</a:t>
            </a:r>
          </a:p>
          <a:p>
            <a:endParaRPr lang="de-DE" dirty="0"/>
          </a:p>
          <a:p>
            <a:r>
              <a:rPr lang="de-DE" dirty="0"/>
              <a:t>    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>
                <a:solidFill>
                  <a:srgbClr val="6764F6"/>
                </a:solidFill>
              </a:rPr>
              <a:t>	</a:t>
            </a:r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4734C7C-9421-FDD3-F960-FE39501EE0F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D8140024-E519-B35F-B997-CC45A20E117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03FF02ED-5694-61B9-0A5B-0F11DD9C3E2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3D75DC9-3518-31D8-9FBE-0C7090B014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791722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FC06168-532B-7AD3-EA22-A04C5779211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DB90898-00ED-0982-D488-FB4D2970C9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ariablen, was ist das?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83B96E5B-951F-F3B4-2DE4-4A9662103425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Speicherort für Daten in einem Programm</a:t>
            </a:r>
          </a:p>
          <a:p>
            <a:r>
              <a:rPr lang="de-DE" dirty="0"/>
              <a:t>Haben einen Datentyp, der festgelegt werden muss</a:t>
            </a:r>
          </a:p>
          <a:p>
            <a:endParaRPr lang="de-DE" dirty="0"/>
          </a:p>
          <a:p>
            <a:r>
              <a:rPr lang="de-DE" dirty="0"/>
              <a:t>    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>
                <a:solidFill>
                  <a:srgbClr val="6764F6"/>
                </a:solidFill>
              </a:rPr>
              <a:t>	</a:t>
            </a:r>
            <a:r>
              <a:rPr lang="de-DE" dirty="0" err="1">
                <a:solidFill>
                  <a:srgbClr val="6764F6"/>
                </a:solidFill>
              </a:rPr>
              <a:t>var</a:t>
            </a:r>
            <a:r>
              <a:rPr lang="de-DE" dirty="0"/>
              <a:t> i </a:t>
            </a:r>
            <a:r>
              <a:rPr lang="de-DE" dirty="0" err="1"/>
              <a:t>int</a:t>
            </a:r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FF7F3D48-6992-A7F6-9290-7F99D0E742A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5F09D763-7C49-300C-4D71-C6A73AAB12F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219AD882-7013-C2A0-D884-57E1A084833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7E96BCE-EEF0-C665-C49F-4CE8ECFAE0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67549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0BB896F-6708-ECDD-978D-99D6BD9785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ariablen, was ist das?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63C583D4-494E-AFC6-F11D-805EEB22E1B4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Speicherort für Daten in einem Programm</a:t>
            </a:r>
          </a:p>
          <a:p>
            <a:r>
              <a:rPr lang="de-DE" dirty="0"/>
              <a:t>Haben einen Datentyp, der festgelegt werden muss</a:t>
            </a:r>
          </a:p>
          <a:p>
            <a:endParaRPr lang="de-DE" dirty="0"/>
          </a:p>
          <a:p>
            <a:r>
              <a:rPr lang="de-DE" dirty="0"/>
              <a:t>    Variablenname, frei wählbar, kann auch </a:t>
            </a:r>
            <a:r>
              <a:rPr lang="de-DE" dirty="0" err="1"/>
              <a:t>wort</a:t>
            </a:r>
            <a:r>
              <a:rPr lang="de-DE" dirty="0"/>
              <a:t> sein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>
                <a:solidFill>
                  <a:srgbClr val="6764F6"/>
                </a:solidFill>
              </a:rPr>
              <a:t>	</a:t>
            </a:r>
            <a:r>
              <a:rPr lang="de-DE" dirty="0" err="1">
                <a:solidFill>
                  <a:srgbClr val="6764F6"/>
                </a:solidFill>
              </a:rPr>
              <a:t>var</a:t>
            </a:r>
            <a:r>
              <a:rPr lang="de-DE" dirty="0"/>
              <a:t> i </a:t>
            </a:r>
            <a:r>
              <a:rPr lang="de-DE" dirty="0" err="1"/>
              <a:t>int</a:t>
            </a:r>
            <a:r>
              <a:rPr lang="de-DE" dirty="0"/>
              <a:t> </a:t>
            </a:r>
          </a:p>
          <a:p>
            <a:r>
              <a:rPr lang="de-DE" dirty="0"/>
              <a:t>			</a:t>
            </a:r>
          </a:p>
          <a:p>
            <a:endParaRPr lang="de-DE" dirty="0"/>
          </a:p>
          <a:p>
            <a:r>
              <a:rPr lang="de-DE" dirty="0"/>
              <a:t>Keyword </a:t>
            </a:r>
            <a:r>
              <a:rPr lang="de-DE" dirty="0" err="1"/>
              <a:t>var</a:t>
            </a:r>
            <a:r>
              <a:rPr lang="de-DE" dirty="0"/>
              <a:t>      Datentyp, der i zugewiesen wird</a:t>
            </a:r>
          </a:p>
          <a:p>
            <a:r>
              <a:rPr lang="de-DE" dirty="0"/>
              <a:t>Damit neue</a:t>
            </a:r>
          </a:p>
          <a:p>
            <a:r>
              <a:rPr lang="de-DE" dirty="0"/>
              <a:t>Variable definiert </a:t>
            </a:r>
          </a:p>
          <a:p>
            <a:r>
              <a:rPr lang="de-DE" dirty="0"/>
              <a:t>wird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48335BF-D17F-D3DB-12E7-700FA3FD153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167BD064-1BDB-8818-6B4D-4C29E74C2CC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F7EF27E9-4713-F92D-F24D-6DD28EBDB28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213BFDC-9BB0-06C6-7FA7-1AC10F37845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8</a:t>
            </a:fld>
            <a:endParaRPr lang="en-US" dirty="0"/>
          </a:p>
        </p:txBody>
      </p:sp>
      <p:cxnSp>
        <p:nvCxnSpPr>
          <p:cNvPr id="8" name="Gerade Verbindung mit Pfeil 7">
            <a:extLst>
              <a:ext uri="{FF2B5EF4-FFF2-40B4-BE49-F238E27FC236}">
                <a16:creationId xmlns:a16="http://schemas.microsoft.com/office/drawing/2014/main" id="{BDE063FF-DBAF-20DA-E3E9-310B3B92C71D}"/>
              </a:ext>
            </a:extLst>
          </p:cNvPr>
          <p:cNvCxnSpPr>
            <a:cxnSpLocks/>
          </p:cNvCxnSpPr>
          <p:nvPr/>
        </p:nvCxnSpPr>
        <p:spPr bwMode="gray">
          <a:xfrm flipV="1">
            <a:off x="1341521" y="3886200"/>
            <a:ext cx="0" cy="66775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CCA896EC-A903-4E1B-BA97-A5270101AAE4}"/>
              </a:ext>
            </a:extLst>
          </p:cNvPr>
          <p:cNvCxnSpPr>
            <a:cxnSpLocks/>
          </p:cNvCxnSpPr>
          <p:nvPr/>
        </p:nvCxnSpPr>
        <p:spPr bwMode="gray">
          <a:xfrm flipV="1">
            <a:off x="1702468" y="3886200"/>
            <a:ext cx="0" cy="66775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Gerade Verbindung mit Pfeil 9">
            <a:extLst>
              <a:ext uri="{FF2B5EF4-FFF2-40B4-BE49-F238E27FC236}">
                <a16:creationId xmlns:a16="http://schemas.microsoft.com/office/drawing/2014/main" id="{B8C88AFF-AAE7-353E-3568-CC3F324D2764}"/>
              </a:ext>
            </a:extLst>
          </p:cNvPr>
          <p:cNvCxnSpPr>
            <a:cxnSpLocks/>
          </p:cNvCxnSpPr>
          <p:nvPr/>
        </p:nvCxnSpPr>
        <p:spPr bwMode="gray">
          <a:xfrm>
            <a:off x="1558089" y="2989847"/>
            <a:ext cx="0" cy="661737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372967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D975996-0B70-0321-525D-674C4C41A0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ariablen, was ist das?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36E82F80-51D6-5ED0-03A8-3D2F20ECB7B3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Int</a:t>
            </a:r>
            <a:r>
              <a:rPr lang="de-DE" dirty="0"/>
              <a:t> variable hat automatisch wert 0</a:t>
            </a:r>
          </a:p>
          <a:p>
            <a:r>
              <a:rPr lang="de-DE" dirty="0"/>
              <a:t>Wert kann geändert werden</a:t>
            </a:r>
          </a:p>
          <a:p>
            <a:endParaRPr lang="de-DE" dirty="0">
              <a:solidFill>
                <a:srgbClr val="6764F6"/>
              </a:solidFill>
            </a:endParaRPr>
          </a:p>
          <a:p>
            <a:r>
              <a:rPr lang="de-DE" dirty="0" err="1">
                <a:solidFill>
                  <a:srgbClr val="6764F6"/>
                </a:solidFill>
              </a:rPr>
              <a:t>var</a:t>
            </a:r>
            <a:r>
              <a:rPr lang="de-DE" dirty="0"/>
              <a:t> i </a:t>
            </a:r>
            <a:r>
              <a:rPr lang="de-DE" dirty="0" err="1"/>
              <a:t>int</a:t>
            </a:r>
            <a:endParaRPr lang="de-DE" dirty="0"/>
          </a:p>
          <a:p>
            <a:r>
              <a:rPr lang="de-DE" dirty="0"/>
              <a:t>i = 42</a:t>
            </a:r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D1F37F4D-4032-2CB1-DFD3-0255F0D599F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16B9D6A3-281B-6E8D-1C57-505C0AD8AE3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1E1B13D6-CB05-9250-A5FB-CFE114D6A48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BFC1792-3675-9DD3-5C1C-7F7C090271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20887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ie </a:t>
            </a:r>
            <a:r>
              <a:rPr lang="en-US" dirty="0" err="1"/>
              <a:t>kann</a:t>
            </a:r>
            <a:r>
              <a:rPr lang="en-US" dirty="0"/>
              <a:t> man Zahlen </a:t>
            </a:r>
            <a:r>
              <a:rPr lang="en-US" dirty="0" err="1"/>
              <a:t>ausgebe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21B61C-85EC-1E81-48D4-4497FCEDC3F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Alles was in </a:t>
            </a:r>
            <a:r>
              <a:rPr lang="de-DE" dirty="0" err="1"/>
              <a:t>func</a:t>
            </a:r>
            <a:r>
              <a:rPr lang="de-DE" dirty="0"/>
              <a:t> </a:t>
            </a:r>
            <a:r>
              <a:rPr lang="de-DE" dirty="0" err="1"/>
              <a:t>main</a:t>
            </a:r>
            <a:r>
              <a:rPr lang="de-DE" dirty="0"/>
              <a:t> steht wird ausgeführt:</a:t>
            </a:r>
          </a:p>
          <a:p>
            <a:r>
              <a:rPr lang="de-DE" dirty="0"/>
              <a:t>	</a:t>
            </a:r>
            <a:r>
              <a:rPr lang="de-DE" dirty="0" err="1"/>
              <a:t>fmt.Println</a:t>
            </a:r>
            <a:r>
              <a:rPr lang="de-DE" dirty="0"/>
              <a:t>("Hallo Welt")</a:t>
            </a:r>
          </a:p>
          <a:p>
            <a:endParaRPr lang="en-US" dirty="0"/>
          </a:p>
          <a:p>
            <a:endParaRPr lang="de-DE" dirty="0"/>
          </a:p>
          <a:p>
            <a:endParaRPr lang="de-DE" dirty="0"/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F8D2200-8483-86FD-8B99-D21FD36527E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23DA47-3B96-7D31-A324-A8EF6AE8494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5149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5ECA958-4642-5E62-8B34-4441BF5CECC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85242A9-74AD-2473-68A6-67B6181F7B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ariablen, was ist das?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D640977-F158-60D0-9D77-F56AA736C98D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Int</a:t>
            </a:r>
            <a:r>
              <a:rPr lang="de-DE" dirty="0"/>
              <a:t> variable hat automatisch wert 0</a:t>
            </a:r>
          </a:p>
          <a:p>
            <a:r>
              <a:rPr lang="de-DE" dirty="0"/>
              <a:t>Wert kann geändert werden</a:t>
            </a:r>
          </a:p>
          <a:p>
            <a:endParaRPr lang="de-DE" dirty="0"/>
          </a:p>
          <a:p>
            <a:r>
              <a:rPr lang="de-DE" dirty="0" err="1">
                <a:solidFill>
                  <a:srgbClr val="6764F6"/>
                </a:solidFill>
              </a:rPr>
              <a:t>var</a:t>
            </a:r>
            <a:r>
              <a:rPr lang="de-DE" dirty="0"/>
              <a:t> i </a:t>
            </a:r>
            <a:r>
              <a:rPr lang="de-DE" dirty="0" err="1"/>
              <a:t>int</a:t>
            </a:r>
            <a:endParaRPr lang="de-DE" dirty="0"/>
          </a:p>
          <a:p>
            <a:r>
              <a:rPr lang="de-DE" dirty="0"/>
              <a:t>i = 42</a:t>
            </a:r>
          </a:p>
          <a:p>
            <a:endParaRPr lang="de-DE" dirty="0"/>
          </a:p>
          <a:p>
            <a:r>
              <a:rPr lang="de-DE" dirty="0"/>
              <a:t>= </a:t>
            </a:r>
            <a:r>
              <a:rPr lang="de-DE" dirty="0" err="1"/>
              <a:t>funktion</a:t>
            </a:r>
            <a:r>
              <a:rPr lang="de-DE" dirty="0"/>
              <a:t> erwartet variable vor dem = und wert oder variable die einen wert hat nach dem =</a:t>
            </a:r>
          </a:p>
          <a:p>
            <a:endParaRPr lang="de-DE" dirty="0"/>
          </a:p>
          <a:p>
            <a:r>
              <a:rPr lang="de-DE" dirty="0"/>
              <a:t>Kann auch abgekürzt werden</a:t>
            </a:r>
          </a:p>
          <a:p>
            <a:r>
              <a:rPr lang="de-DE" dirty="0" err="1"/>
              <a:t>var</a:t>
            </a:r>
            <a:r>
              <a:rPr lang="de-DE" dirty="0"/>
              <a:t> i </a:t>
            </a:r>
            <a:r>
              <a:rPr lang="de-DE" dirty="0" err="1"/>
              <a:t>int</a:t>
            </a:r>
            <a:r>
              <a:rPr lang="de-DE" dirty="0"/>
              <a:t> = 42 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B0EF5C2-4277-FD10-97E2-737E42D1346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81293E5F-6ED0-A6A6-CA47-4C552B79C04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E1554FC-F181-F1B6-BB51-18B403F6E8C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F2BB9C0-2345-53E4-02F7-CE8FACF1741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2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405391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18222C6-851A-3D4A-3E3C-2659314D034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803BD12-8C97-097B-8928-76C0B413B1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Probiert es aus!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1713F24D-FD79-64C0-61AD-04D99F5D074F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</a:t>
            </a:r>
          </a:p>
          <a:p>
            <a:r>
              <a:rPr lang="de-DE" dirty="0" err="1"/>
              <a:t>fmt.Println</a:t>
            </a:r>
            <a:r>
              <a:rPr lang="de-DE" dirty="0"/>
              <a:t>(a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fmt.Println</a:t>
            </a:r>
            <a:r>
              <a:rPr lang="de-DE" dirty="0"/>
              <a:t>(a + b)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AB9ADDD-1778-19A1-E93E-970CAECEEF6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0010582-11FE-DBB0-4C31-317D26BFAFC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F79A3CA-B630-7052-433B-6424AD54D56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F6220126-C524-AFD3-3D11-8FB157CCDC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37345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ED30EE-6A20-5FB2-7A1B-30C7F688D8B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5B572C7-DDB0-B702-2D2F-40334CF958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Probiert es aus!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9150F7C-5CD8-FFE8-913C-860397BE86E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</a:t>
            </a:r>
          </a:p>
          <a:p>
            <a:r>
              <a:rPr lang="de-DE" dirty="0" err="1"/>
              <a:t>fmt.Println</a:t>
            </a:r>
            <a:r>
              <a:rPr lang="de-DE" dirty="0"/>
              <a:t>(a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fmt.Println</a:t>
            </a:r>
            <a:r>
              <a:rPr lang="de-DE" dirty="0"/>
              <a:t>(a + b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var</a:t>
            </a:r>
            <a:r>
              <a:rPr lang="de-DE" dirty="0"/>
              <a:t> c </a:t>
            </a:r>
            <a:r>
              <a:rPr lang="de-DE" dirty="0" err="1"/>
              <a:t>int</a:t>
            </a:r>
            <a:endParaRPr lang="de-DE" dirty="0"/>
          </a:p>
          <a:p>
            <a:r>
              <a:rPr lang="de-DE" dirty="0"/>
              <a:t>c = a + b</a:t>
            </a:r>
          </a:p>
          <a:p>
            <a:r>
              <a:rPr lang="de-DE" dirty="0" err="1"/>
              <a:t>fmt.Println</a:t>
            </a:r>
            <a:r>
              <a:rPr lang="de-DE" dirty="0"/>
              <a:t>(c)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8508630-87F8-FDCE-ECB0-50F967EC85E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5EF3B793-7E6E-E3EC-9174-EB16B8A147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E735EF12-18FD-685E-8868-499C363AC3F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454B3CD7-D68C-3538-6AD0-3B90964983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79292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C99931-5517-3D37-239A-1A7108851B3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66D4FF0-697E-64DE-3727-DD1175D82F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Probiert es aus!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0E22CAEA-8007-245C-D6F4-DD702261637B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</a:t>
            </a:r>
          </a:p>
          <a:p>
            <a:r>
              <a:rPr lang="de-DE" dirty="0" err="1"/>
              <a:t>fmt.Println</a:t>
            </a:r>
            <a:r>
              <a:rPr lang="de-DE" dirty="0"/>
              <a:t>(a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fmt.Println</a:t>
            </a:r>
            <a:r>
              <a:rPr lang="de-DE" dirty="0"/>
              <a:t>(a + b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var</a:t>
            </a:r>
            <a:r>
              <a:rPr lang="de-DE" dirty="0"/>
              <a:t> c </a:t>
            </a:r>
            <a:r>
              <a:rPr lang="de-DE" dirty="0" err="1"/>
              <a:t>int</a:t>
            </a:r>
            <a:endParaRPr lang="de-DE" dirty="0"/>
          </a:p>
          <a:p>
            <a:r>
              <a:rPr lang="de-DE" dirty="0"/>
              <a:t>c = a + b</a:t>
            </a:r>
          </a:p>
          <a:p>
            <a:r>
              <a:rPr lang="de-DE" dirty="0" err="1"/>
              <a:t>fmt.Println</a:t>
            </a:r>
            <a:r>
              <a:rPr lang="de-DE" dirty="0"/>
              <a:t>(c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is_true</a:t>
            </a:r>
            <a:r>
              <a:rPr lang="de-DE" dirty="0"/>
              <a:t> </a:t>
            </a:r>
            <a:r>
              <a:rPr lang="de-DE" dirty="0" err="1"/>
              <a:t>bool</a:t>
            </a:r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EE5A0D82-899C-6521-A78A-62685E87D0D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35DAE623-A5F2-E759-DC32-B10E66364DC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48F611E6-8C9F-AC0F-A949-1C758C0958E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D067402-6927-6E58-4630-A37301BAEF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427061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C4842CE-BE54-6322-700B-3A0B0092FE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7F0B323-0342-C631-429E-B2C74B35DD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Probiert es aus!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A9C70AD-005D-D931-DD4A-5F256EB7952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</a:t>
            </a:r>
          </a:p>
          <a:p>
            <a:r>
              <a:rPr lang="de-DE" dirty="0" err="1"/>
              <a:t>fmt.Println</a:t>
            </a:r>
            <a:r>
              <a:rPr lang="de-DE" dirty="0"/>
              <a:t>(a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fmt.Println</a:t>
            </a:r>
            <a:r>
              <a:rPr lang="de-DE" dirty="0"/>
              <a:t>(a + b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var</a:t>
            </a:r>
            <a:r>
              <a:rPr lang="de-DE" dirty="0"/>
              <a:t> c </a:t>
            </a:r>
            <a:r>
              <a:rPr lang="de-DE" dirty="0" err="1"/>
              <a:t>int</a:t>
            </a:r>
            <a:endParaRPr lang="de-DE" dirty="0"/>
          </a:p>
          <a:p>
            <a:r>
              <a:rPr lang="de-DE" dirty="0"/>
              <a:t>c = a + b</a:t>
            </a:r>
          </a:p>
          <a:p>
            <a:r>
              <a:rPr lang="de-DE" dirty="0" err="1"/>
              <a:t>fmt.Println</a:t>
            </a:r>
            <a:r>
              <a:rPr lang="de-DE" dirty="0"/>
              <a:t>(c)</a:t>
            </a:r>
          </a:p>
          <a:p>
            <a:r>
              <a:rPr lang="de-DE" dirty="0"/>
              <a:t>String, float64</a:t>
            </a:r>
          </a:p>
          <a:p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is_true</a:t>
            </a:r>
            <a:r>
              <a:rPr lang="de-DE" dirty="0"/>
              <a:t> </a:t>
            </a:r>
            <a:r>
              <a:rPr lang="de-DE" dirty="0" err="1"/>
              <a:t>bool</a:t>
            </a:r>
            <a:endParaRPr lang="de-DE" dirty="0"/>
          </a:p>
          <a:p>
            <a:r>
              <a:rPr lang="de-DE" dirty="0"/>
              <a:t>Macht die vorherigen aufgaben mit variablen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B3EB2DCB-1DA7-9899-6F0F-464467F27B1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5E276DD-5CDC-3BF4-D469-6565B680FA4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BC38207C-7AB0-E466-ADB0-30115528106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54F1856-5269-EC88-9DF0-070202B315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971247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362D49-73D1-5733-512B-93248BBFB0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 selbst schreibe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FEB0F8D-4FB7-2DB7-A25F-388D46A62FD0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 err="1"/>
              <a:t>if</a:t>
            </a:r>
            <a:r>
              <a:rPr lang="de-DE" dirty="0"/>
              <a:t> a &lt; b {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</a:t>
            </a:r>
          </a:p>
          <a:p>
            <a:r>
              <a:rPr lang="de-DE" dirty="0"/>
              <a:t>}</a:t>
            </a:r>
          </a:p>
          <a:p>
            <a:endParaRPr lang="de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18CEB31-AC1B-D15A-8173-B23D05804FD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56594C5-88CA-B74C-312C-E0226740AC6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3108724-6ECC-DD1E-EDA8-D9304C7A93B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FDB8BA7-5157-0183-1C6D-F550199FD6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75493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3B41C5A-C347-3119-81F8-0F8FC15D4AC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A7CA9A-C49D-774A-8904-1F62EFFD13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 selbst schreibe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F7CD35A-3E21-408A-D3BE-AFAFCF9D108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Etwas was die </a:t>
            </a:r>
            <a:r>
              <a:rPr lang="de-DE" dirty="0" err="1"/>
              <a:t>funktion</a:t>
            </a:r>
            <a:r>
              <a:rPr lang="de-DE" dirty="0"/>
              <a:t> aufruft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 err="1"/>
              <a:t>if</a:t>
            </a:r>
            <a:r>
              <a:rPr lang="de-DE" dirty="0"/>
              <a:t> a &lt; b {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</a:t>
            </a:r>
          </a:p>
          <a:p>
            <a:r>
              <a:rPr lang="de-DE" dirty="0"/>
              <a:t>}</a:t>
            </a:r>
          </a:p>
          <a:p>
            <a:endParaRPr lang="de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CBCC0D9-010A-09C7-BF85-ED0D90F41BE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4939EE6-7387-94F5-1142-FFAC8418FA4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34D5D5F-434B-0E49-8F22-241F2D81401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62293E7-4FE4-A612-7B4A-77C791EE06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6</a:t>
            </a:fld>
            <a:endParaRPr lang="en-US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2D8599B3-99CA-CBB1-FD6D-73CAADADEB4B}"/>
              </a:ext>
            </a:extLst>
          </p:cNvPr>
          <p:cNvCxnSpPr>
            <a:cxnSpLocks/>
          </p:cNvCxnSpPr>
          <p:nvPr/>
        </p:nvCxnSpPr>
        <p:spPr bwMode="gray">
          <a:xfrm flipV="1">
            <a:off x="331199" y="2249946"/>
            <a:ext cx="252333" cy="545012"/>
          </a:xfrm>
          <a:prstGeom prst="line">
            <a:avLst/>
          </a:prstGeom>
          <a:ln/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CE7AD68-620E-4805-8CCB-C56A2C6F826E}"/>
              </a:ext>
            </a:extLst>
          </p:cNvPr>
          <p:cNvCxnSpPr>
            <a:cxnSpLocks/>
          </p:cNvCxnSpPr>
          <p:nvPr/>
        </p:nvCxnSpPr>
        <p:spPr bwMode="gray">
          <a:xfrm flipH="1" flipV="1">
            <a:off x="583532" y="2249946"/>
            <a:ext cx="306805" cy="545012"/>
          </a:xfrm>
          <a:prstGeom prst="line">
            <a:avLst/>
          </a:prstGeom>
          <a:ln/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0E38E775-1B1B-7945-329A-07DE1531AF09}"/>
              </a:ext>
            </a:extLst>
          </p:cNvPr>
          <p:cNvCxnSpPr>
            <a:cxnSpLocks/>
          </p:cNvCxnSpPr>
          <p:nvPr/>
        </p:nvCxnSpPr>
        <p:spPr bwMode="gray">
          <a:xfrm flipH="1">
            <a:off x="3410953" y="3252158"/>
            <a:ext cx="134504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C49544F9-E792-C50E-A536-5320187BB923}"/>
              </a:ext>
            </a:extLst>
          </p:cNvPr>
          <p:cNvSpPr txBox="1"/>
          <p:nvPr/>
        </p:nvSpPr>
        <p:spPr bwMode="gray">
          <a:xfrm>
            <a:off x="3623095" y="3148642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/>
              <a:t>Funktionalität in der Funktion</a:t>
            </a:r>
          </a:p>
        </p:txBody>
      </p: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0A3858F6-BBD8-10C4-DD05-F3F62570BBB6}"/>
              </a:ext>
            </a:extLst>
          </p:cNvPr>
          <p:cNvCxnSpPr>
            <a:cxnSpLocks/>
          </p:cNvCxnSpPr>
          <p:nvPr/>
        </p:nvCxnSpPr>
        <p:spPr bwMode="gray">
          <a:xfrm flipH="1">
            <a:off x="1016668" y="2889849"/>
            <a:ext cx="2528789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3AD39366-1E56-EBF8-6A7A-0BE3AA23F317}"/>
              </a:ext>
            </a:extLst>
          </p:cNvPr>
          <p:cNvSpPr txBox="1"/>
          <p:nvPr/>
        </p:nvSpPr>
        <p:spPr bwMode="gray">
          <a:xfrm>
            <a:off x="3631723" y="2812211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/>
              <a:t>Klammer: Anfangspunkt der eigenen Funktion (andere Klammer!)</a:t>
            </a: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1FDEAD65-27FE-E2FB-DCFA-5FCB5EF5DC99}"/>
              </a:ext>
            </a:extLst>
          </p:cNvPr>
          <p:cNvCxnSpPr/>
          <p:nvPr/>
        </p:nvCxnSpPr>
        <p:spPr bwMode="gray">
          <a:xfrm flipH="1">
            <a:off x="439947" y="3510951"/>
            <a:ext cx="1130061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86AAD322-E436-D949-906A-D824DA5F9BEB}"/>
              </a:ext>
            </a:extLst>
          </p:cNvPr>
          <p:cNvSpPr txBox="1"/>
          <p:nvPr/>
        </p:nvSpPr>
        <p:spPr bwMode="gray">
          <a:xfrm>
            <a:off x="1673525" y="3437626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/>
              <a:t>Klammer: Endpunkt der eigenen Funktion</a:t>
            </a:r>
          </a:p>
        </p:txBody>
      </p:sp>
    </p:spTree>
    <p:extLst>
      <p:ext uri="{BB962C8B-B14F-4D97-AF65-F5344CB8AC3E}">
        <p14:creationId xmlns:p14="http://schemas.microsoft.com/office/powerpoint/2010/main" val="37707275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A1A00DD-3B1C-70E2-5FD3-9F2CCB3243E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If</a:t>
            </a:r>
            <a:r>
              <a:rPr lang="de-DE" dirty="0"/>
              <a:t> Funkt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B2D3321-00FE-2580-AA37-C96E092B2DC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, dann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0F76CDA-B2F7-531F-A60B-F51E766D2C0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25E0DA6C-0E98-5EB4-ABF5-51B17E370D2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C2556134-8F96-00AC-8BDD-D06649C2B1E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0B37009-A5CE-F1AC-46A2-2852A4DD94D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20013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885C882-7B3E-3BE1-DEB3-C2D59E9A0B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355C214-50CD-1F8A-0333-C120C5C539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If</a:t>
            </a:r>
            <a:r>
              <a:rPr lang="de-DE" dirty="0"/>
              <a:t> Funkt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7D0AD7B5-9806-6778-6A7F-FA4438DDF252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, dann</a:t>
            </a:r>
          </a:p>
          <a:p>
            <a:r>
              <a:rPr lang="de-DE" dirty="0"/>
              <a:t>Wenn Bedingung, dann führe diesen teil vom Programm aus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B786B7AC-BF3A-6086-ACD4-3A6171C1847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E6B33A3-F069-4EFF-F117-E1DB1659C0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6D6A420D-8E7A-B9CD-C643-3764A2BBB6B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30F48FC4-C202-8BE6-8042-43A2AFBCAC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91772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D0E7DF2-8269-0DE7-0C7C-BC27CC053EE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AEC8029-ACB1-51F3-2533-E50C73B7ED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If</a:t>
            </a:r>
            <a:r>
              <a:rPr lang="de-DE" dirty="0"/>
              <a:t> Funkt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67783499-7951-C218-9DD2-DB92F6E7A0E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, dann</a:t>
            </a:r>
          </a:p>
          <a:p>
            <a:r>
              <a:rPr lang="de-DE" dirty="0"/>
              <a:t>Wenn Bedingung, dann führe diesen teil vom Programm aus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Wenn </a:t>
            </a:r>
            <a:r>
              <a:rPr lang="de-DE" dirty="0" err="1"/>
              <a:t>keyword</a:t>
            </a:r>
            <a:endParaRPr lang="de-DE" dirty="0"/>
          </a:p>
          <a:p>
            <a:r>
              <a:rPr lang="de-DE" dirty="0"/>
              <a:t>     Bedingung, die </a:t>
            </a:r>
            <a:r>
              <a:rPr lang="de-DE" dirty="0" err="1"/>
              <a:t>bool</a:t>
            </a:r>
            <a:r>
              <a:rPr lang="de-DE" dirty="0"/>
              <a:t> wert haben muss ( </a:t>
            </a:r>
            <a:r>
              <a:rPr lang="de-DE" dirty="0" err="1"/>
              <a:t>true</a:t>
            </a:r>
            <a:r>
              <a:rPr lang="de-DE" dirty="0"/>
              <a:t> oder </a:t>
            </a:r>
            <a:r>
              <a:rPr lang="de-DE" dirty="0" err="1"/>
              <a:t>false</a:t>
            </a:r>
            <a:r>
              <a:rPr lang="de-DE" dirty="0"/>
              <a:t> )</a:t>
            </a:r>
          </a:p>
          <a:p>
            <a:endParaRPr lang="de-DE" dirty="0"/>
          </a:p>
          <a:p>
            <a:r>
              <a:rPr lang="de-DE" dirty="0" err="1"/>
              <a:t>if</a:t>
            </a:r>
            <a:r>
              <a:rPr lang="de-DE" dirty="0"/>
              <a:t> a &lt; b {			               Klammern, die eingrenzen, welcher teil vom Programm ausgeführt werden soll, 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       wenn Bedingung erfüllt ist</a:t>
            </a:r>
          </a:p>
          <a:p>
            <a:r>
              <a:rPr lang="de-DE" dirty="0"/>
              <a:t>}</a:t>
            </a:r>
          </a:p>
          <a:p>
            <a:endParaRPr lang="de-DE" dirty="0"/>
          </a:p>
          <a:p>
            <a:r>
              <a:rPr lang="de-DE" dirty="0"/>
              <a:t>	Beispielcode, hier Konsolenausgabe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0DBC8F8C-EDDE-2BE1-1BD9-0BC6A04738B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02C9B5F1-77E3-6F50-9EFA-E53937F8544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862D3807-187F-BCB0-3869-BD2260EB51D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03A2936-17CC-9E58-5E6F-C1B466FFF89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9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5718A66A-8EE3-F20D-2DBD-A60FF1B65DF2}"/>
              </a:ext>
            </a:extLst>
          </p:cNvPr>
          <p:cNvCxnSpPr>
            <a:cxnSpLocks/>
          </p:cNvCxnSpPr>
          <p:nvPr/>
        </p:nvCxnSpPr>
        <p:spPr bwMode="gray">
          <a:xfrm>
            <a:off x="378995" y="3308684"/>
            <a:ext cx="0" cy="625642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Gerader Verbinder 11">
            <a:extLst>
              <a:ext uri="{FF2B5EF4-FFF2-40B4-BE49-F238E27FC236}">
                <a16:creationId xmlns:a16="http://schemas.microsoft.com/office/drawing/2014/main" id="{F6D983B3-97E4-3C89-1B02-EFB2899FA241}"/>
              </a:ext>
            </a:extLst>
          </p:cNvPr>
          <p:cNvCxnSpPr/>
          <p:nvPr/>
        </p:nvCxnSpPr>
        <p:spPr bwMode="gray">
          <a:xfrm flipV="1">
            <a:off x="505326" y="3585411"/>
            <a:ext cx="156411" cy="391026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Gerader Verbinder 13">
            <a:extLst>
              <a:ext uri="{FF2B5EF4-FFF2-40B4-BE49-F238E27FC236}">
                <a16:creationId xmlns:a16="http://schemas.microsoft.com/office/drawing/2014/main" id="{12379274-789E-C3CA-813E-2E95F6D622BE}"/>
              </a:ext>
            </a:extLst>
          </p:cNvPr>
          <p:cNvCxnSpPr/>
          <p:nvPr/>
        </p:nvCxnSpPr>
        <p:spPr bwMode="gray">
          <a:xfrm flipH="1" flipV="1">
            <a:off x="661737" y="3585411"/>
            <a:ext cx="204537" cy="391026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Gerade Verbindung mit Pfeil 15">
            <a:extLst>
              <a:ext uri="{FF2B5EF4-FFF2-40B4-BE49-F238E27FC236}">
                <a16:creationId xmlns:a16="http://schemas.microsoft.com/office/drawing/2014/main" id="{56637FEC-00FA-E6D4-317C-FAC05A460650}"/>
              </a:ext>
            </a:extLst>
          </p:cNvPr>
          <p:cNvCxnSpPr>
            <a:cxnSpLocks/>
          </p:cNvCxnSpPr>
          <p:nvPr/>
        </p:nvCxnSpPr>
        <p:spPr bwMode="gray">
          <a:xfrm flipH="1">
            <a:off x="1112921" y="4078705"/>
            <a:ext cx="2544679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Verbinder: gewinkelt 22">
            <a:extLst>
              <a:ext uri="{FF2B5EF4-FFF2-40B4-BE49-F238E27FC236}">
                <a16:creationId xmlns:a16="http://schemas.microsoft.com/office/drawing/2014/main" id="{9569B872-47B3-4C48-4DFD-A7F476D1B449}"/>
              </a:ext>
            </a:extLst>
          </p:cNvPr>
          <p:cNvCxnSpPr/>
          <p:nvPr/>
        </p:nvCxnSpPr>
        <p:spPr bwMode="gray">
          <a:xfrm rot="10800000" flipV="1">
            <a:off x="439154" y="4078705"/>
            <a:ext cx="3218447" cy="565484"/>
          </a:xfrm>
          <a:prstGeom prst="bentConnector3">
            <a:avLst>
              <a:gd name="adj1" fmla="val 1589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Gerade Verbindung mit Pfeil 25">
            <a:extLst>
              <a:ext uri="{FF2B5EF4-FFF2-40B4-BE49-F238E27FC236}">
                <a16:creationId xmlns:a16="http://schemas.microsoft.com/office/drawing/2014/main" id="{B0E635FE-1CDD-CFE5-43D5-63A040384C12}"/>
              </a:ext>
            </a:extLst>
          </p:cNvPr>
          <p:cNvCxnSpPr>
            <a:cxnSpLocks/>
          </p:cNvCxnSpPr>
          <p:nvPr/>
        </p:nvCxnSpPr>
        <p:spPr bwMode="gray">
          <a:xfrm flipV="1">
            <a:off x="1798721" y="4505826"/>
            <a:ext cx="0" cy="5715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0824003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8E0FBB2-AAD1-6FE1-D36F-28CA37A5C1E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61D9C5-068D-BB3C-A7AA-2B5DB04146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ie </a:t>
            </a:r>
            <a:r>
              <a:rPr lang="en-US" dirty="0" err="1"/>
              <a:t>kann</a:t>
            </a:r>
            <a:r>
              <a:rPr lang="en-US" dirty="0"/>
              <a:t> man Zahlen </a:t>
            </a:r>
            <a:r>
              <a:rPr lang="en-US" dirty="0" err="1"/>
              <a:t>ausgebe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6DCFE38-EA1B-F1F5-4277-EDDE1D17C55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Alles was in </a:t>
            </a:r>
            <a:r>
              <a:rPr lang="de-DE" dirty="0" err="1"/>
              <a:t>func</a:t>
            </a:r>
            <a:r>
              <a:rPr lang="de-DE" dirty="0"/>
              <a:t> </a:t>
            </a:r>
            <a:r>
              <a:rPr lang="de-DE" dirty="0" err="1"/>
              <a:t>main</a:t>
            </a:r>
            <a:r>
              <a:rPr lang="de-DE" dirty="0"/>
              <a:t> steht wird ausgeführt:</a:t>
            </a:r>
          </a:p>
          <a:p>
            <a:r>
              <a:rPr lang="de-DE" dirty="0"/>
              <a:t>	</a:t>
            </a:r>
            <a:r>
              <a:rPr lang="de-DE" dirty="0" err="1"/>
              <a:t>fmt.Println</a:t>
            </a:r>
            <a:r>
              <a:rPr lang="de-DE" dirty="0"/>
              <a:t>("Hallo Welt")</a:t>
            </a:r>
          </a:p>
          <a:p>
            <a:endParaRPr lang="en-US" dirty="0"/>
          </a:p>
          <a:p>
            <a:r>
              <a:rPr lang="en-US" dirty="0"/>
              <a:t>Statt </a:t>
            </a:r>
            <a:r>
              <a:rPr lang="de-DE" dirty="0"/>
              <a:t>"Hallo Welt" kann man eine Zahl ausgeben </a:t>
            </a:r>
            <a:r>
              <a:rPr lang="de-DE" dirty="0">
                <a:sym typeface="Wingdings" panose="05000000000000000000" pitchFamily="2" charset="2"/>
              </a:rPr>
              <a:t> machen</a:t>
            </a:r>
          </a:p>
          <a:p>
            <a:endParaRPr lang="de-DE" dirty="0"/>
          </a:p>
          <a:p>
            <a:endParaRPr lang="de-DE" dirty="0"/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C9D6FCB-90EC-7A89-D178-6C1051F43E9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A8CAF1B-A15D-A927-0150-562807440D7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E3B8D80-37CB-0A8E-930C-0E313E29089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C2B88F-B785-0D33-D0FF-0D490EAD58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126685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8F20CFE-C17D-151B-EB29-8C862A2475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lse 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8B4B9805-A362-25D1-8778-5DE455FFCBF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 </a:t>
            </a:r>
            <a:r>
              <a:rPr lang="de-DE" dirty="0" err="1"/>
              <a:t>if</a:t>
            </a:r>
            <a:r>
              <a:rPr lang="de-DE" dirty="0"/>
              <a:t> </a:t>
            </a:r>
            <a:r>
              <a:rPr lang="de-DE" dirty="0" err="1"/>
              <a:t>bedingung</a:t>
            </a:r>
            <a:r>
              <a:rPr lang="de-DE" dirty="0"/>
              <a:t> nicht erfüllt ist, dann</a:t>
            </a:r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4E3956C3-3087-1CCD-3E3A-CC4D28CB502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7AAA912E-EE3B-32DD-C678-8D1C4907DF5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2C42597-EA14-9A49-38C8-753B7932872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8AAAB884-14DD-172B-0C74-4870BB7E70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15971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D01DF9-545A-DF5F-81ED-4D1E398918C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A960ECE-8577-6E0E-323D-15CBE579F4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lse 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D7D9407-73C6-568B-1873-6DACAFC78346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 </a:t>
            </a:r>
            <a:r>
              <a:rPr lang="de-DE" dirty="0" err="1"/>
              <a:t>if</a:t>
            </a:r>
            <a:r>
              <a:rPr lang="de-DE" dirty="0"/>
              <a:t> </a:t>
            </a:r>
            <a:r>
              <a:rPr lang="de-DE" dirty="0" err="1"/>
              <a:t>bedingung</a:t>
            </a:r>
            <a:r>
              <a:rPr lang="de-DE" dirty="0"/>
              <a:t> nicht erfüllt ist, dann</a:t>
            </a:r>
          </a:p>
          <a:p>
            <a:endParaRPr lang="de-DE" dirty="0"/>
          </a:p>
          <a:p>
            <a:r>
              <a:rPr lang="de-DE" dirty="0" err="1"/>
              <a:t>if</a:t>
            </a:r>
            <a:r>
              <a:rPr lang="de-DE" dirty="0"/>
              <a:t> a &lt; b {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</a:t>
            </a:r>
          </a:p>
          <a:p>
            <a:r>
              <a:rPr lang="de-DE" dirty="0"/>
              <a:t>} </a:t>
            </a:r>
            <a:r>
              <a:rPr lang="de-DE" dirty="0" err="1"/>
              <a:t>else</a:t>
            </a:r>
            <a:r>
              <a:rPr lang="de-DE" dirty="0"/>
              <a:t> {			              Klammern, die eingrenzen, welcher teil vom Programm ausgeführt werden soll, </a:t>
            </a:r>
          </a:p>
          <a:p>
            <a:r>
              <a:rPr lang="de-DE" dirty="0"/>
              <a:t>	</a:t>
            </a:r>
            <a:r>
              <a:rPr lang="de-DE" dirty="0" err="1"/>
              <a:t>fmt.Println</a:t>
            </a:r>
            <a:r>
              <a:rPr lang="de-DE" dirty="0"/>
              <a:t>(„b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       wenn </a:t>
            </a:r>
            <a:r>
              <a:rPr lang="de-DE" dirty="0" err="1"/>
              <a:t>if</a:t>
            </a:r>
            <a:r>
              <a:rPr lang="de-DE" dirty="0"/>
              <a:t> Bedingung nicht erfüllt ist</a:t>
            </a:r>
          </a:p>
          <a:p>
            <a:r>
              <a:rPr lang="de-DE" dirty="0"/>
              <a:t>}</a:t>
            </a:r>
          </a:p>
          <a:p>
            <a:endParaRPr lang="de-DE" dirty="0"/>
          </a:p>
          <a:p>
            <a:r>
              <a:rPr lang="de-DE" dirty="0" err="1"/>
              <a:t>else</a:t>
            </a:r>
            <a:r>
              <a:rPr lang="de-DE" dirty="0"/>
              <a:t> Keyword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D92310C-431D-FE89-B481-7E8DB468953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CADAC022-4871-73D4-3754-694E05E8115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614EF0EE-534C-E0D6-0409-5223D84C85C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A2312346-EC95-12D7-1430-52AB043439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1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44BB138C-8A62-EC7E-EA4A-163AFC09F696}"/>
              </a:ext>
            </a:extLst>
          </p:cNvPr>
          <p:cNvCxnSpPr>
            <a:cxnSpLocks/>
          </p:cNvCxnSpPr>
          <p:nvPr/>
        </p:nvCxnSpPr>
        <p:spPr bwMode="gray">
          <a:xfrm flipV="1">
            <a:off x="583532" y="3296653"/>
            <a:ext cx="0" cy="93846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Gerade Verbindung mit Pfeil 11">
            <a:extLst>
              <a:ext uri="{FF2B5EF4-FFF2-40B4-BE49-F238E27FC236}">
                <a16:creationId xmlns:a16="http://schemas.microsoft.com/office/drawing/2014/main" id="{D58DFFEB-8F19-51A7-D0A5-B39216FF4F82}"/>
              </a:ext>
            </a:extLst>
          </p:cNvPr>
          <p:cNvCxnSpPr>
            <a:cxnSpLocks/>
          </p:cNvCxnSpPr>
          <p:nvPr/>
        </p:nvCxnSpPr>
        <p:spPr bwMode="gray">
          <a:xfrm flipH="1">
            <a:off x="920415" y="3212431"/>
            <a:ext cx="2737186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Verbinder: gewinkelt 12">
            <a:extLst>
              <a:ext uri="{FF2B5EF4-FFF2-40B4-BE49-F238E27FC236}">
                <a16:creationId xmlns:a16="http://schemas.microsoft.com/office/drawing/2014/main" id="{BF847B2C-9731-197E-1175-94F6EBB1290B}"/>
              </a:ext>
            </a:extLst>
          </p:cNvPr>
          <p:cNvCxnSpPr/>
          <p:nvPr/>
        </p:nvCxnSpPr>
        <p:spPr bwMode="gray">
          <a:xfrm rot="10800000" flipV="1">
            <a:off x="439154" y="3212431"/>
            <a:ext cx="3218447" cy="565484"/>
          </a:xfrm>
          <a:prstGeom prst="bentConnector3">
            <a:avLst>
              <a:gd name="adj1" fmla="val 1589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775949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A72D576-8B9B-C9AD-659E-B631982372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lse und </a:t>
            </a:r>
            <a:r>
              <a:rPr lang="de-DE" dirty="0" err="1"/>
              <a:t>if</a:t>
            </a:r>
            <a:r>
              <a:rPr lang="de-DE" dirty="0"/>
              <a:t> kombinier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EFA58F7C-BF3A-A3B7-F608-E6BF607ABD9D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 man einen weiteren fall abdecken möchte, kann man </a:t>
            </a:r>
            <a:r>
              <a:rPr lang="de-DE" dirty="0" err="1"/>
              <a:t>else</a:t>
            </a:r>
            <a:r>
              <a:rPr lang="de-DE" dirty="0"/>
              <a:t> und </a:t>
            </a:r>
            <a:r>
              <a:rPr lang="de-DE" dirty="0" err="1"/>
              <a:t>if</a:t>
            </a:r>
            <a:r>
              <a:rPr lang="de-DE" dirty="0"/>
              <a:t> kombinier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CF93772A-F854-4C61-59F0-94D11C3D8AC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F83B999-A999-A9B6-9302-C5DA0FB01A9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E3AEDC04-E795-8ACF-1435-B07D95ACAC2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CB74C8F-2CD7-EEB3-D461-D32BADB1C5E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25705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EE1AFE5-96B3-2C2D-8630-0BBBE84C7D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C4C8D1C-6563-274C-5A9A-B65F0C4B52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lse und </a:t>
            </a:r>
            <a:r>
              <a:rPr lang="de-DE" dirty="0" err="1"/>
              <a:t>if</a:t>
            </a:r>
            <a:r>
              <a:rPr lang="de-DE" dirty="0"/>
              <a:t> kombinieren 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27E9F7B-4C2A-4EB7-74D1-5077AE4956C5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 man einen weiteren fall abdecken möchte, kann man </a:t>
            </a:r>
            <a:r>
              <a:rPr lang="de-DE" dirty="0" err="1"/>
              <a:t>else</a:t>
            </a:r>
            <a:r>
              <a:rPr lang="de-DE" dirty="0"/>
              <a:t> und </a:t>
            </a:r>
            <a:r>
              <a:rPr lang="de-DE" dirty="0" err="1"/>
              <a:t>if</a:t>
            </a:r>
            <a:r>
              <a:rPr lang="de-DE" dirty="0"/>
              <a:t> kombinieren</a:t>
            </a:r>
          </a:p>
          <a:p>
            <a:endParaRPr lang="de-DE" dirty="0"/>
          </a:p>
          <a:p>
            <a:r>
              <a:rPr lang="de-DE" dirty="0" err="1"/>
              <a:t>if</a:t>
            </a:r>
            <a:r>
              <a:rPr lang="de-DE" dirty="0"/>
              <a:t> a &lt; b {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</a:t>
            </a:r>
          </a:p>
          <a:p>
            <a:r>
              <a:rPr lang="de-DE" dirty="0"/>
              <a:t>} </a:t>
            </a:r>
            <a:r>
              <a:rPr lang="de-DE" dirty="0" err="1"/>
              <a:t>else</a:t>
            </a:r>
            <a:r>
              <a:rPr lang="de-DE" dirty="0"/>
              <a:t> </a:t>
            </a:r>
            <a:r>
              <a:rPr lang="de-DE" dirty="0" err="1"/>
              <a:t>if</a:t>
            </a:r>
            <a:r>
              <a:rPr lang="de-DE" dirty="0"/>
              <a:t> a == b {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=b“)</a:t>
            </a:r>
          </a:p>
          <a:p>
            <a:r>
              <a:rPr lang="de-DE" dirty="0"/>
              <a:t>} </a:t>
            </a:r>
            <a:r>
              <a:rPr lang="de-DE" dirty="0" err="1"/>
              <a:t>else</a:t>
            </a:r>
            <a:r>
              <a:rPr lang="de-DE" dirty="0"/>
              <a:t> {			</a:t>
            </a:r>
          </a:p>
          <a:p>
            <a:r>
              <a:rPr lang="de-DE" dirty="0"/>
              <a:t>	</a:t>
            </a:r>
            <a:r>
              <a:rPr lang="de-DE" dirty="0" err="1"/>
              <a:t>fmt.Println</a:t>
            </a:r>
            <a:r>
              <a:rPr lang="de-DE" dirty="0"/>
              <a:t>(„b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</a:t>
            </a:r>
          </a:p>
          <a:p>
            <a:r>
              <a:rPr lang="de-DE" dirty="0"/>
              <a:t>}</a:t>
            </a:r>
          </a:p>
          <a:p>
            <a:endParaRPr lang="de-DE" dirty="0"/>
          </a:p>
          <a:p>
            <a:r>
              <a:rPr lang="de-DE" dirty="0"/>
              <a:t>Nach </a:t>
            </a:r>
            <a:r>
              <a:rPr lang="de-DE" dirty="0" err="1"/>
              <a:t>else</a:t>
            </a:r>
            <a:r>
              <a:rPr lang="de-DE" dirty="0"/>
              <a:t> </a:t>
            </a:r>
            <a:r>
              <a:rPr lang="de-DE" dirty="0" err="1"/>
              <a:t>if</a:t>
            </a:r>
            <a:r>
              <a:rPr lang="de-DE" dirty="0"/>
              <a:t> </a:t>
            </a:r>
            <a:r>
              <a:rPr lang="de-DE" dirty="0" err="1"/>
              <a:t>ausdruck</a:t>
            </a:r>
            <a:r>
              <a:rPr lang="de-DE" dirty="0"/>
              <a:t> schreib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04F7F86-8194-6BA3-A508-012750AC723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BCE45FCF-41FD-639A-ADD2-98DFCB35AEF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C0CB9998-50D9-97B3-C2AF-B142019D416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CDE9EE69-C6CA-C1C4-056F-5DA1895388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3</a:t>
            </a:fld>
            <a:endParaRPr lang="en-US" dirty="0"/>
          </a:p>
        </p:txBody>
      </p:sp>
      <p:cxnSp>
        <p:nvCxnSpPr>
          <p:cNvPr id="10" name="Gerade Verbindung mit Pfeil 9">
            <a:extLst>
              <a:ext uri="{FF2B5EF4-FFF2-40B4-BE49-F238E27FC236}">
                <a16:creationId xmlns:a16="http://schemas.microsoft.com/office/drawing/2014/main" id="{9F56971F-4E00-8F94-6FE3-4E0DA1CBADC5}"/>
              </a:ext>
            </a:extLst>
          </p:cNvPr>
          <p:cNvCxnSpPr>
            <a:cxnSpLocks/>
          </p:cNvCxnSpPr>
          <p:nvPr/>
        </p:nvCxnSpPr>
        <p:spPr bwMode="gray">
          <a:xfrm flipH="1" flipV="1">
            <a:off x="950495" y="3344780"/>
            <a:ext cx="24063" cy="132347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399702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3B58B87-6F85-B540-2F99-3A61403C38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Aufgab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10513DC-643E-EDB3-6E60-CD4459E841C3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Im </a:t>
            </a:r>
            <a:r>
              <a:rPr lang="de-DE" dirty="0" err="1"/>
              <a:t>ordner</a:t>
            </a:r>
            <a:r>
              <a:rPr lang="de-DE" dirty="0"/>
              <a:t>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Zahl durch 2 </a:t>
            </a:r>
            <a:r>
              <a:rPr lang="de-DE" dirty="0" err="1"/>
              <a:t>teibar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Zahl positiv, negativ oder nul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Zahl durch 3 und 4 teilba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chere stein </a:t>
            </a:r>
            <a:r>
              <a:rPr lang="de-DE" dirty="0" err="1"/>
              <a:t>papier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chaltjahr Prüf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Wochentag für ein Datum ausgeben</a:t>
            </a:r>
          </a:p>
          <a:p>
            <a:endParaRPr lang="de-DE" dirty="0"/>
          </a:p>
          <a:p>
            <a:r>
              <a:rPr lang="de-DE" dirty="0"/>
              <a:t>Aufgaben stehen in den Datei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F61AA882-2F94-3011-DC68-EA4A9FDBC86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7DE2E8AD-C2E3-906A-9EE7-EB20088DFC1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C9C6BFE-A4A9-259B-2AAC-DCF10144A72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777C23C-3B13-E4DE-1D3D-92FAC8424E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3430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E57AF36-04FC-7BAE-9B32-B6936C6585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While</a:t>
            </a:r>
            <a:r>
              <a:rPr lang="de-DE" dirty="0"/>
              <a:t> Schleife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B72FF839-A680-57E8-5F21-D698018B48FF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running</a:t>
            </a:r>
            <a:r>
              <a:rPr lang="de-DE" dirty="0"/>
              <a:t> </a:t>
            </a:r>
            <a:r>
              <a:rPr lang="de-DE" dirty="0" err="1"/>
              <a:t>bool</a:t>
            </a:r>
            <a:r>
              <a:rPr lang="de-DE" dirty="0"/>
              <a:t> = </a:t>
            </a:r>
            <a:r>
              <a:rPr lang="de-DE" dirty="0" err="1"/>
              <a:t>true</a:t>
            </a:r>
            <a:endParaRPr lang="de-DE" dirty="0"/>
          </a:p>
          <a:p>
            <a:r>
              <a:rPr lang="de-DE" dirty="0"/>
              <a:t>	</a:t>
            </a:r>
            <a:r>
              <a:rPr lang="de-DE" dirty="0" err="1"/>
              <a:t>for</a:t>
            </a:r>
            <a:r>
              <a:rPr lang="de-DE" dirty="0"/>
              <a:t> </a:t>
            </a:r>
            <a:r>
              <a:rPr lang="de-DE" dirty="0" err="1"/>
              <a:t>running</a:t>
            </a:r>
            <a:r>
              <a:rPr lang="de-DE" dirty="0"/>
              <a:t> {</a:t>
            </a:r>
          </a:p>
          <a:p>
            <a:r>
              <a:rPr lang="de-DE" dirty="0"/>
              <a:t>		</a:t>
            </a:r>
            <a:r>
              <a:rPr lang="de-DE" dirty="0" err="1"/>
              <a:t>fmt.Println</a:t>
            </a:r>
            <a:r>
              <a:rPr lang="de-DE" dirty="0"/>
              <a:t>(„im Running“)</a:t>
            </a:r>
          </a:p>
          <a:p>
            <a:r>
              <a:rPr lang="de-DE" dirty="0"/>
              <a:t>	}</a:t>
            </a:r>
          </a:p>
          <a:p>
            <a:endParaRPr lang="de-DE" dirty="0"/>
          </a:p>
          <a:p>
            <a:r>
              <a:rPr lang="de-DE" dirty="0"/>
              <a:t>Solange </a:t>
            </a:r>
            <a:r>
              <a:rPr lang="de-DE" dirty="0" err="1"/>
              <a:t>running</a:t>
            </a:r>
            <a:r>
              <a:rPr lang="de-DE" dirty="0"/>
              <a:t> </a:t>
            </a:r>
            <a:r>
              <a:rPr lang="de-DE" dirty="0" err="1"/>
              <a:t>true</a:t>
            </a:r>
            <a:r>
              <a:rPr lang="de-DE" dirty="0"/>
              <a:t> ist, wird das der code in den klammern ausgeführt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741B6EC-5754-9250-62AE-7413FC792CD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7D9D7EF-2DF2-5B4A-0FBF-4DD93990146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2C74B641-E0E6-D30E-E3DF-63877BDEE5E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97C7F3B6-177A-2827-732D-7A0CC34A3A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3650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8F161BD-02C5-3BD4-16FA-7F2CC7CC8D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For</a:t>
            </a:r>
            <a:r>
              <a:rPr lang="de-DE" dirty="0"/>
              <a:t> Schleife 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6CE0894E-DC9A-6033-37F5-09997BC2F160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r>
              <a:rPr lang="de-DE" dirty="0"/>
              <a:t>           Keyword   Definieren laufvariable</a:t>
            </a:r>
          </a:p>
          <a:p>
            <a:r>
              <a:rPr lang="de-DE" dirty="0"/>
              <a:t>		Abbruchbedingung</a:t>
            </a:r>
          </a:p>
          <a:p>
            <a:r>
              <a:rPr lang="de-DE" dirty="0"/>
              <a:t>			Veränderung der laufvariable nach einem durchlauf der schleife</a:t>
            </a:r>
          </a:p>
          <a:p>
            <a:r>
              <a:rPr lang="de-DE" dirty="0"/>
              <a:t>	</a:t>
            </a:r>
            <a:r>
              <a:rPr lang="nn-NO" dirty="0"/>
              <a:t>for i := 0; i &lt; 5; i++ {				</a:t>
            </a:r>
            <a:r>
              <a:rPr lang="de-DE" dirty="0"/>
              <a:t> Klammern, die eingrenzen, welcher teil vom Programm ausgeführt </a:t>
            </a:r>
            <a:r>
              <a:rPr lang="nn-NO" dirty="0"/>
              <a:t>		fmt.Println(i)			</a:t>
            </a:r>
            <a:r>
              <a:rPr lang="de-DE" dirty="0"/>
              <a:t> werden soll</a:t>
            </a:r>
            <a:r>
              <a:rPr lang="nn-NO" dirty="0"/>
              <a:t>       </a:t>
            </a:r>
          </a:p>
          <a:p>
            <a:r>
              <a:rPr lang="nn-NO" dirty="0"/>
              <a:t>    	}</a:t>
            </a:r>
          </a:p>
          <a:p>
            <a:endParaRPr lang="nn-NO" dirty="0"/>
          </a:p>
          <a:p>
            <a:endParaRPr lang="nn-NO" dirty="0"/>
          </a:p>
          <a:p>
            <a:r>
              <a:rPr lang="nn-NO" dirty="0"/>
              <a:t>		Auzuführender code</a:t>
            </a: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D5824BB0-31DB-0F62-FF2C-F631689DDA6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7D5CACF1-A563-0EC2-373F-62ED3B36C90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39B3725-BFE2-B49B-532F-F77EB74A2E9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FA803046-9EA3-E742-3BC9-B010CD5874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6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02E92E50-216D-9BEB-FF69-69A0289A1B1F}"/>
              </a:ext>
            </a:extLst>
          </p:cNvPr>
          <p:cNvCxnSpPr>
            <a:cxnSpLocks/>
          </p:cNvCxnSpPr>
          <p:nvPr/>
        </p:nvCxnSpPr>
        <p:spPr bwMode="gray">
          <a:xfrm>
            <a:off x="1362974" y="2484408"/>
            <a:ext cx="0" cy="526211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Gerade Verbindung mit Pfeil 10">
            <a:extLst>
              <a:ext uri="{FF2B5EF4-FFF2-40B4-BE49-F238E27FC236}">
                <a16:creationId xmlns:a16="http://schemas.microsoft.com/office/drawing/2014/main" id="{895BB8FA-DA86-9A2E-3467-1656E61CFD45}"/>
              </a:ext>
            </a:extLst>
          </p:cNvPr>
          <p:cNvCxnSpPr>
            <a:cxnSpLocks/>
          </p:cNvCxnSpPr>
          <p:nvPr/>
        </p:nvCxnSpPr>
        <p:spPr bwMode="gray">
          <a:xfrm>
            <a:off x="1713782" y="2484408"/>
            <a:ext cx="0" cy="526211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Gerade Verbindung mit Pfeil 11">
            <a:extLst>
              <a:ext uri="{FF2B5EF4-FFF2-40B4-BE49-F238E27FC236}">
                <a16:creationId xmlns:a16="http://schemas.microsoft.com/office/drawing/2014/main" id="{6FE60B32-DFB0-7C47-06F1-7AD0BFD805D6}"/>
              </a:ext>
            </a:extLst>
          </p:cNvPr>
          <p:cNvCxnSpPr>
            <a:cxnSpLocks/>
          </p:cNvCxnSpPr>
          <p:nvPr/>
        </p:nvCxnSpPr>
        <p:spPr bwMode="gray">
          <a:xfrm>
            <a:off x="2214114" y="2751826"/>
            <a:ext cx="0" cy="25879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Verbinder: gewinkelt 14">
            <a:extLst>
              <a:ext uri="{FF2B5EF4-FFF2-40B4-BE49-F238E27FC236}">
                <a16:creationId xmlns:a16="http://schemas.microsoft.com/office/drawing/2014/main" id="{98B7AF65-0808-FCDB-8D78-1ECB09E451BF}"/>
              </a:ext>
            </a:extLst>
          </p:cNvPr>
          <p:cNvCxnSpPr>
            <a:cxnSpLocks/>
          </p:cNvCxnSpPr>
          <p:nvPr/>
        </p:nvCxnSpPr>
        <p:spPr bwMode="gray">
          <a:xfrm rot="10800000" flipV="1">
            <a:off x="2631058" y="2872594"/>
            <a:ext cx="362311" cy="198410"/>
          </a:xfrm>
          <a:prstGeom prst="bentConnector3">
            <a:avLst>
              <a:gd name="adj1" fmla="val 97619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Gerade Verbindung mit Pfeil 18">
            <a:extLst>
              <a:ext uri="{FF2B5EF4-FFF2-40B4-BE49-F238E27FC236}">
                <a16:creationId xmlns:a16="http://schemas.microsoft.com/office/drawing/2014/main" id="{6609BA64-2189-3B88-A4FE-DE83078095ED}"/>
              </a:ext>
            </a:extLst>
          </p:cNvPr>
          <p:cNvCxnSpPr>
            <a:cxnSpLocks/>
          </p:cNvCxnSpPr>
          <p:nvPr/>
        </p:nvCxnSpPr>
        <p:spPr bwMode="gray">
          <a:xfrm flipH="1">
            <a:off x="2993369" y="3207209"/>
            <a:ext cx="2737186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Verbinder: gewinkelt 19">
            <a:extLst>
              <a:ext uri="{FF2B5EF4-FFF2-40B4-BE49-F238E27FC236}">
                <a16:creationId xmlns:a16="http://schemas.microsoft.com/office/drawing/2014/main" id="{35AAEBCF-E772-F072-3A16-0FA289B190D2}"/>
              </a:ext>
            </a:extLst>
          </p:cNvPr>
          <p:cNvCxnSpPr/>
          <p:nvPr/>
        </p:nvCxnSpPr>
        <p:spPr bwMode="gray">
          <a:xfrm rot="10800000" flipV="1">
            <a:off x="1384145" y="3220605"/>
            <a:ext cx="3218447" cy="565484"/>
          </a:xfrm>
          <a:prstGeom prst="bentConnector3">
            <a:avLst>
              <a:gd name="adj1" fmla="val 1589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Gerade Verbindung mit Pfeil 21">
            <a:extLst>
              <a:ext uri="{FF2B5EF4-FFF2-40B4-BE49-F238E27FC236}">
                <a16:creationId xmlns:a16="http://schemas.microsoft.com/office/drawing/2014/main" id="{EC4F6A57-8EEB-6C73-9B36-49040960F5F3}"/>
              </a:ext>
            </a:extLst>
          </p:cNvPr>
          <p:cNvCxnSpPr>
            <a:cxnSpLocks/>
          </p:cNvCxnSpPr>
          <p:nvPr/>
        </p:nvCxnSpPr>
        <p:spPr bwMode="gray">
          <a:xfrm flipV="1">
            <a:off x="2631057" y="3571336"/>
            <a:ext cx="0" cy="75912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643064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8E3C8DE-64F1-737D-6D20-A1A9FF1B79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Aufgab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57406E20-C8E4-B193-33C2-7AE3A529496F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chere stein </a:t>
            </a:r>
            <a:r>
              <a:rPr lang="de-DE" dirty="0" err="1"/>
              <a:t>papier</a:t>
            </a:r>
            <a:r>
              <a:rPr lang="de-DE" dirty="0"/>
              <a:t> so modifizieren, dass man es x-mal oder dauerhaft spielen kan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Zahlen 1 – 50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Anzahl fünfen in </a:t>
            </a:r>
            <a:r>
              <a:rPr lang="de-DE" dirty="0" err="1"/>
              <a:t>eingabe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umme Vielfache kleiner 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 err="1"/>
              <a:t>fakultät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Tannenbaum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3D60ACAA-7E3B-B2D2-5202-0406F881D22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62CE299-B4EB-A123-C416-DEF197CCB8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3FE4BD3-BF0A-C427-D3A4-3CE6A794B99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DEE6FE67-1EC6-DF06-6EE9-4CDBD794233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78277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FA95C4E-8506-0F0F-E7FD-CC4F98447C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Lis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9F901D89-636A-A3AF-8FEC-90BFBDD5DA74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r>
              <a:rPr lang="de-DE" dirty="0"/>
              <a:t>	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nums</a:t>
            </a:r>
            <a:r>
              <a:rPr lang="de-DE" dirty="0"/>
              <a:t> = []</a:t>
            </a:r>
            <a:r>
              <a:rPr lang="de-DE" dirty="0" err="1"/>
              <a:t>int</a:t>
            </a:r>
            <a:r>
              <a:rPr lang="de-DE" dirty="0"/>
              <a:t>{1, 4, 2, 3, 5}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C600D8FB-B497-5819-66F4-795865238FD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0BF2110B-E5A8-3052-1122-E0771B64FBA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C5500AA8-35BF-7824-346C-2FD8B77D4ED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DC5BEB9B-C258-2DE3-36E8-D7732555C3E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427380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26F6A38-E206-1F4F-8741-4318B6FFF2B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9F4851D-495A-195B-073C-09E7F59C37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Lis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04905F97-D39C-2964-CDAD-22153B4358B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r>
              <a:rPr lang="de-DE" dirty="0"/>
              <a:t>	</a:t>
            </a:r>
            <a:r>
              <a:rPr lang="de-DE" dirty="0" err="1"/>
              <a:t>variablenname</a:t>
            </a:r>
            <a:endParaRPr lang="de-DE" dirty="0"/>
          </a:p>
          <a:p>
            <a:r>
              <a:rPr lang="de-DE" dirty="0"/>
              <a:t>                   </a:t>
            </a:r>
            <a:r>
              <a:rPr lang="de-DE" dirty="0" err="1"/>
              <a:t>var</a:t>
            </a:r>
            <a:r>
              <a:rPr lang="de-DE" dirty="0"/>
              <a:t>	Klammern, in die die werte der liste geschrieben werden</a:t>
            </a:r>
          </a:p>
          <a:p>
            <a:r>
              <a:rPr lang="de-DE" dirty="0"/>
              <a:t>				Werte, mit </a:t>
            </a:r>
            <a:r>
              <a:rPr lang="de-DE" dirty="0" err="1"/>
              <a:t>komma</a:t>
            </a:r>
            <a:r>
              <a:rPr lang="de-DE" dirty="0"/>
              <a:t> getrennt</a:t>
            </a:r>
          </a:p>
          <a:p>
            <a:r>
              <a:rPr lang="de-DE" dirty="0"/>
              <a:t>	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nums</a:t>
            </a:r>
            <a:r>
              <a:rPr lang="de-DE" dirty="0"/>
              <a:t> = []</a:t>
            </a:r>
            <a:r>
              <a:rPr lang="de-DE" dirty="0" err="1"/>
              <a:t>int</a:t>
            </a:r>
            <a:r>
              <a:rPr lang="de-DE" dirty="0"/>
              <a:t>{1, 4, 2, 3, 5}</a:t>
            </a:r>
          </a:p>
          <a:p>
            <a:endParaRPr lang="de-DE" dirty="0"/>
          </a:p>
          <a:p>
            <a:r>
              <a:rPr lang="de-DE" dirty="0"/>
              <a:t>		    Datentyp</a:t>
            </a:r>
          </a:p>
          <a:p>
            <a:r>
              <a:rPr lang="de-DE" dirty="0"/>
              <a:t>	eckige Klammern (alt </a:t>
            </a:r>
            <a:r>
              <a:rPr lang="de-DE" dirty="0" err="1"/>
              <a:t>gr</a:t>
            </a:r>
            <a:r>
              <a:rPr lang="de-DE" dirty="0"/>
              <a:t> 8 9) zeigen dass es sich um eine liste handelt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344724C5-1F6B-55DE-3260-59EFD7ABF30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3B5F203-1CA4-361C-CD00-969F8F92B78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4E5B27A-C1C8-D2FD-AF03-D8DB9269480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B27423A-0EA5-2082-72D6-030562AF86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9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CF3564E6-CD45-6D36-5EDD-C21EBC95D1CE}"/>
              </a:ext>
            </a:extLst>
          </p:cNvPr>
          <p:cNvCxnSpPr/>
          <p:nvPr/>
        </p:nvCxnSpPr>
        <p:spPr bwMode="gray">
          <a:xfrm>
            <a:off x="1328469" y="2717322"/>
            <a:ext cx="0" cy="41406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Gerade Verbindung mit Pfeil 10">
            <a:extLst>
              <a:ext uri="{FF2B5EF4-FFF2-40B4-BE49-F238E27FC236}">
                <a16:creationId xmlns:a16="http://schemas.microsoft.com/office/drawing/2014/main" id="{4D86A72B-087D-0C44-601B-7D93585E6F7F}"/>
              </a:ext>
            </a:extLst>
          </p:cNvPr>
          <p:cNvCxnSpPr/>
          <p:nvPr/>
        </p:nvCxnSpPr>
        <p:spPr bwMode="gray">
          <a:xfrm>
            <a:off x="1742536" y="2544792"/>
            <a:ext cx="0" cy="58659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Gerade Verbindung mit Pfeil 12">
            <a:extLst>
              <a:ext uri="{FF2B5EF4-FFF2-40B4-BE49-F238E27FC236}">
                <a16:creationId xmlns:a16="http://schemas.microsoft.com/office/drawing/2014/main" id="{2A643778-BF4B-3D01-7129-21790D0AE589}"/>
              </a:ext>
            </a:extLst>
          </p:cNvPr>
          <p:cNvCxnSpPr>
            <a:cxnSpLocks/>
          </p:cNvCxnSpPr>
          <p:nvPr/>
        </p:nvCxnSpPr>
        <p:spPr bwMode="gray">
          <a:xfrm flipV="1">
            <a:off x="2251494" y="3321170"/>
            <a:ext cx="0" cy="595222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Gerade Verbindung mit Pfeil 14">
            <a:extLst>
              <a:ext uri="{FF2B5EF4-FFF2-40B4-BE49-F238E27FC236}">
                <a16:creationId xmlns:a16="http://schemas.microsoft.com/office/drawing/2014/main" id="{31C5A8FE-06A5-58CD-B906-7EBCC2F3AF89}"/>
              </a:ext>
            </a:extLst>
          </p:cNvPr>
          <p:cNvCxnSpPr/>
          <p:nvPr/>
        </p:nvCxnSpPr>
        <p:spPr bwMode="gray">
          <a:xfrm flipV="1">
            <a:off x="2458528" y="3321170"/>
            <a:ext cx="0" cy="30192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Gerade Verbindung mit Pfeil 17">
            <a:extLst>
              <a:ext uri="{FF2B5EF4-FFF2-40B4-BE49-F238E27FC236}">
                <a16:creationId xmlns:a16="http://schemas.microsoft.com/office/drawing/2014/main" id="{B5ED2124-A009-EBAA-C1BD-5BDEEDB94BAD}"/>
              </a:ext>
            </a:extLst>
          </p:cNvPr>
          <p:cNvCxnSpPr/>
          <p:nvPr/>
        </p:nvCxnSpPr>
        <p:spPr bwMode="gray">
          <a:xfrm>
            <a:off x="2562045" y="2820838"/>
            <a:ext cx="0" cy="310552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Verbinder: gewinkelt 22">
            <a:extLst>
              <a:ext uri="{FF2B5EF4-FFF2-40B4-BE49-F238E27FC236}">
                <a16:creationId xmlns:a16="http://schemas.microsoft.com/office/drawing/2014/main" id="{871708C6-4603-0F0A-3746-2ECF631D1EAF}"/>
              </a:ext>
            </a:extLst>
          </p:cNvPr>
          <p:cNvCxnSpPr/>
          <p:nvPr/>
        </p:nvCxnSpPr>
        <p:spPr bwMode="gray">
          <a:xfrm rot="10800000" flipV="1">
            <a:off x="3027873" y="2907101"/>
            <a:ext cx="646981" cy="138023"/>
          </a:xfrm>
          <a:prstGeom prst="bentConnector3">
            <a:avLst>
              <a:gd name="adj1" fmla="val 99333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215516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B1018AF-3D12-BBB0-B186-FF21DF1B91C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A146EB-7B1F-F85B-67B7-7F20C62154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ie </a:t>
            </a:r>
            <a:r>
              <a:rPr lang="en-US" dirty="0" err="1"/>
              <a:t>kann</a:t>
            </a:r>
            <a:r>
              <a:rPr lang="en-US" dirty="0"/>
              <a:t> man Zahlen </a:t>
            </a:r>
            <a:r>
              <a:rPr lang="en-US" dirty="0" err="1"/>
              <a:t>ausgebe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5E52714-109D-9EC5-C121-C530EA15CC5C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Alles was in </a:t>
            </a:r>
            <a:r>
              <a:rPr lang="de-DE" dirty="0" err="1"/>
              <a:t>func</a:t>
            </a:r>
            <a:r>
              <a:rPr lang="de-DE" dirty="0"/>
              <a:t> </a:t>
            </a:r>
            <a:r>
              <a:rPr lang="de-DE" dirty="0" err="1"/>
              <a:t>main</a:t>
            </a:r>
            <a:r>
              <a:rPr lang="de-DE" dirty="0"/>
              <a:t> steht wird ausgeführt:</a:t>
            </a:r>
          </a:p>
          <a:p>
            <a:r>
              <a:rPr lang="de-DE" dirty="0"/>
              <a:t>	</a:t>
            </a:r>
            <a:r>
              <a:rPr lang="de-DE" dirty="0" err="1"/>
              <a:t>fmt.Println</a:t>
            </a:r>
            <a:r>
              <a:rPr lang="de-DE" dirty="0"/>
              <a:t>("Hallo Welt")</a:t>
            </a:r>
          </a:p>
          <a:p>
            <a:endParaRPr lang="en-US" dirty="0"/>
          </a:p>
          <a:p>
            <a:r>
              <a:rPr lang="en-US" dirty="0"/>
              <a:t>Statt </a:t>
            </a:r>
            <a:r>
              <a:rPr lang="de-DE" dirty="0"/>
              <a:t>"Hallo Welt" kann man eine Zahl ausgeben </a:t>
            </a:r>
            <a:r>
              <a:rPr lang="de-DE" dirty="0">
                <a:sym typeface="Wingdings" panose="05000000000000000000" pitchFamily="2" charset="2"/>
              </a:rPr>
              <a:t> machen</a:t>
            </a:r>
          </a:p>
          <a:p>
            <a:endParaRPr lang="de-DE" dirty="0">
              <a:sym typeface="Wingdings" panose="05000000000000000000" pitchFamily="2" charset="2"/>
            </a:endParaRPr>
          </a:p>
          <a:p>
            <a:r>
              <a:rPr lang="de-DE" dirty="0">
                <a:sym typeface="Wingdings" panose="05000000000000000000" pitchFamily="2" charset="2"/>
              </a:rPr>
              <a:t>Statt Zahl kann auch eine Rechnung ausgegeben werden  machen</a:t>
            </a:r>
          </a:p>
          <a:p>
            <a:r>
              <a:rPr lang="de-DE" dirty="0" err="1"/>
              <a:t>rechenzeichen</a:t>
            </a:r>
            <a:r>
              <a:rPr lang="de-DE" dirty="0"/>
              <a:t> sind</a:t>
            </a:r>
          </a:p>
          <a:p>
            <a:r>
              <a:rPr lang="de-DE" dirty="0"/>
              <a:t>+ - * (</a:t>
            </a:r>
            <a:r>
              <a:rPr lang="de-DE" dirty="0" err="1"/>
              <a:t>stern</a:t>
            </a:r>
            <a:r>
              <a:rPr lang="de-DE" dirty="0"/>
              <a:t> über plus) / (strich über 7) </a:t>
            </a:r>
          </a:p>
          <a:p>
            <a:r>
              <a:rPr lang="de-DE" dirty="0"/>
              <a:t>5%3 = 2 (</a:t>
            </a:r>
            <a:r>
              <a:rPr lang="de-DE" dirty="0" err="1"/>
              <a:t>rest</a:t>
            </a:r>
            <a:r>
              <a:rPr lang="de-DE" dirty="0"/>
              <a:t> beim geteilt rechnen)</a:t>
            </a:r>
          </a:p>
          <a:p>
            <a:endParaRPr lang="de-DE" dirty="0"/>
          </a:p>
          <a:p>
            <a:endParaRPr lang="de-DE" dirty="0"/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B8CABAE-B0FD-9A45-8017-43FF8290BB1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9B02D06-81C9-2956-1866-B8B11C87A5A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44490DC-17B7-17F2-7E22-245147739472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A524038-1D13-4937-6A1D-ADFA870184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3693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6EBD584-52F4-9208-E488-FE641FD9D7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lemente Aufruf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67AC2EF7-2BEC-4521-808E-3401D4DBEF6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//                           0  1  2  3  4</a:t>
            </a:r>
          </a:p>
          <a:p>
            <a:r>
              <a:rPr lang="de-DE" dirty="0"/>
              <a:t>	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nums</a:t>
            </a:r>
            <a:r>
              <a:rPr lang="de-DE" dirty="0"/>
              <a:t> = []</a:t>
            </a:r>
            <a:r>
              <a:rPr lang="de-DE" dirty="0" err="1"/>
              <a:t>int</a:t>
            </a:r>
            <a:r>
              <a:rPr lang="de-DE" dirty="0"/>
              <a:t>{1, 4, 2, 3, 5}</a:t>
            </a:r>
          </a:p>
          <a:p>
            <a:r>
              <a:rPr lang="de-DE" dirty="0"/>
              <a:t>	</a:t>
            </a:r>
          </a:p>
          <a:p>
            <a:r>
              <a:rPr lang="de-DE" dirty="0"/>
              <a:t>	</a:t>
            </a:r>
            <a:r>
              <a:rPr lang="de-DE" dirty="0" err="1"/>
              <a:t>nums</a:t>
            </a:r>
            <a:r>
              <a:rPr lang="de-DE" dirty="0"/>
              <a:t>[1] </a:t>
            </a:r>
            <a:r>
              <a:rPr lang="de-DE" dirty="0">
                <a:sym typeface="Wingdings" panose="05000000000000000000" pitchFamily="2" charset="2"/>
              </a:rPr>
              <a:t> 4</a:t>
            </a: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623338DE-3CBC-4092-8419-331D186CCDD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77B68E46-049D-8C9C-48B7-5539FDA09EA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8022656-FB60-E887-B49F-8CDFC5BCD11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0C0ECC43-112F-CF57-F3C4-9393870310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07428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E9730A8-A852-A4CE-E745-AED395CAD0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Mehrdimensionale lis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1A214815-15CC-3799-C61C-C77A2F672A9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    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nums</a:t>
            </a:r>
            <a:r>
              <a:rPr lang="de-DE" dirty="0"/>
              <a:t> = [][]</a:t>
            </a:r>
            <a:r>
              <a:rPr lang="de-DE" dirty="0" err="1"/>
              <a:t>int</a:t>
            </a:r>
            <a:r>
              <a:rPr lang="de-DE" dirty="0"/>
              <a:t>{{2, 4}, {1, 3, 5}}</a:t>
            </a:r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9DCDFBA-C3CB-5FB9-E432-347D6D3D6DB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153868D2-299A-8425-8498-66FF99E83B0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ED4D5D48-EFFA-953B-BBCE-8C5DF6880A0A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9835E50F-942D-3A63-17C9-D23028E45B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83742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7E54A6-EAE7-03CB-E974-7E9618962F6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3ADBA0E-A578-7B31-3C2B-DFFFB39FA38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Mehrdimensionale lis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9F64E52-17A4-C931-8706-30398F78408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r>
              <a:rPr lang="de-DE" dirty="0"/>
              <a:t>		        Listen in listen</a:t>
            </a:r>
          </a:p>
          <a:p>
            <a:endParaRPr lang="de-DE" dirty="0"/>
          </a:p>
          <a:p>
            <a:r>
              <a:rPr lang="de-DE" dirty="0"/>
              <a:t>	    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nums</a:t>
            </a:r>
            <a:r>
              <a:rPr lang="de-DE" dirty="0"/>
              <a:t> = [][]</a:t>
            </a:r>
            <a:r>
              <a:rPr lang="de-DE" dirty="0" err="1"/>
              <a:t>int</a:t>
            </a:r>
            <a:r>
              <a:rPr lang="de-DE" dirty="0"/>
              <a:t>{{2, 4}, {1, 3, 5}}</a:t>
            </a:r>
          </a:p>
          <a:p>
            <a:endParaRPr lang="de-DE" dirty="0"/>
          </a:p>
          <a:p>
            <a:r>
              <a:rPr lang="de-DE" dirty="0"/>
              <a:t>	                 Zwei eckige klammern</a:t>
            </a:r>
          </a:p>
          <a:p>
            <a:endParaRPr lang="de-DE" dirty="0"/>
          </a:p>
          <a:p>
            <a:r>
              <a:rPr lang="de-DE" dirty="0"/>
              <a:t>Aufgaben:</a:t>
            </a:r>
          </a:p>
          <a:p>
            <a:r>
              <a:rPr lang="de-DE" dirty="0"/>
              <a:t>Gib folgende werte aus:</a:t>
            </a:r>
          </a:p>
          <a:p>
            <a:r>
              <a:rPr lang="de-DE" dirty="0"/>
              <a:t>Nums </a:t>
            </a:r>
          </a:p>
          <a:p>
            <a:r>
              <a:rPr lang="de-DE" dirty="0"/>
              <a:t>Nums[0]</a:t>
            </a:r>
          </a:p>
          <a:p>
            <a:r>
              <a:rPr lang="de-DE" dirty="0"/>
              <a:t>Nums[1]</a:t>
            </a:r>
          </a:p>
          <a:p>
            <a:r>
              <a:rPr lang="de-DE" dirty="0"/>
              <a:t>Nums[1][1]</a:t>
            </a:r>
          </a:p>
          <a:p>
            <a:r>
              <a:rPr lang="de-DE" dirty="0"/>
              <a:t>Probiere jede zahl auszugeben</a:t>
            </a:r>
          </a:p>
          <a:p>
            <a:r>
              <a:rPr lang="de-DE" dirty="0"/>
              <a:t>Manuell mit schleif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7E66839-AB84-0854-48BD-E7EF432D9FC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49B6F0B7-470F-825F-5446-67692382A03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4508F7E-6C7F-5184-A40F-2EAB629FC3C2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13D2C722-24DF-B01B-2FCE-B7D5A3C247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2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7BDEC098-CEB6-A8CC-37F2-9F255E58D484}"/>
              </a:ext>
            </a:extLst>
          </p:cNvPr>
          <p:cNvCxnSpPr/>
          <p:nvPr/>
        </p:nvCxnSpPr>
        <p:spPr bwMode="gray">
          <a:xfrm flipV="1">
            <a:off x="2458529" y="2984740"/>
            <a:ext cx="0" cy="362309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Gerade Verbindung mit Pfeil 9">
            <a:extLst>
              <a:ext uri="{FF2B5EF4-FFF2-40B4-BE49-F238E27FC236}">
                <a16:creationId xmlns:a16="http://schemas.microsoft.com/office/drawing/2014/main" id="{252899C6-B063-86D1-4F4C-15FDFF40EAAB}"/>
              </a:ext>
            </a:extLst>
          </p:cNvPr>
          <p:cNvCxnSpPr/>
          <p:nvPr/>
        </p:nvCxnSpPr>
        <p:spPr bwMode="gray">
          <a:xfrm>
            <a:off x="3114136" y="2484408"/>
            <a:ext cx="0" cy="27604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766044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61F15E4-B916-0199-9A59-778C477C8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erschachtelte </a:t>
            </a:r>
            <a:r>
              <a:rPr lang="de-DE" dirty="0" err="1"/>
              <a:t>for</a:t>
            </a:r>
            <a:r>
              <a:rPr lang="de-DE" dirty="0"/>
              <a:t> schleif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D6103A4D-E494-3112-0166-D6A738154E7C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For</a:t>
            </a:r>
            <a:r>
              <a:rPr lang="de-DE" dirty="0"/>
              <a:t> schleife in </a:t>
            </a:r>
            <a:r>
              <a:rPr lang="de-DE" dirty="0" err="1"/>
              <a:t>for</a:t>
            </a:r>
            <a:r>
              <a:rPr lang="de-DE" dirty="0"/>
              <a:t> schleife</a:t>
            </a:r>
          </a:p>
          <a:p>
            <a:endParaRPr lang="de-DE" dirty="0"/>
          </a:p>
          <a:p>
            <a:r>
              <a:rPr lang="de-DE" dirty="0" err="1"/>
              <a:t>For</a:t>
            </a:r>
            <a:r>
              <a:rPr lang="de-DE" dirty="0"/>
              <a:t> i:=0, i&lt;</a:t>
            </a:r>
            <a:r>
              <a:rPr lang="de-DE" dirty="0" err="1"/>
              <a:t>len</a:t>
            </a:r>
            <a:r>
              <a:rPr lang="de-DE" dirty="0"/>
              <a:t>(</a:t>
            </a:r>
            <a:r>
              <a:rPr lang="de-DE" dirty="0" err="1"/>
              <a:t>nums</a:t>
            </a:r>
            <a:r>
              <a:rPr lang="de-DE" dirty="0"/>
              <a:t>), i++{			</a:t>
            </a:r>
            <a:r>
              <a:rPr lang="de-DE" dirty="0" err="1"/>
              <a:t>For</a:t>
            </a:r>
            <a:r>
              <a:rPr lang="de-DE" dirty="0"/>
              <a:t> schleife die durch die gesamte liste </a:t>
            </a:r>
            <a:r>
              <a:rPr lang="de-DE" dirty="0" err="1"/>
              <a:t>nums</a:t>
            </a:r>
            <a:r>
              <a:rPr lang="de-DE" dirty="0"/>
              <a:t> geht</a:t>
            </a:r>
          </a:p>
          <a:p>
            <a:r>
              <a:rPr lang="de-DE" dirty="0"/>
              <a:t>	</a:t>
            </a:r>
            <a:r>
              <a:rPr lang="de-DE" dirty="0" err="1"/>
              <a:t>for</a:t>
            </a:r>
            <a:r>
              <a:rPr lang="de-DE" dirty="0"/>
              <a:t> j:=0 j&lt;</a:t>
            </a:r>
            <a:r>
              <a:rPr lang="de-DE" dirty="0" err="1"/>
              <a:t>len</a:t>
            </a:r>
            <a:r>
              <a:rPr lang="de-DE" dirty="0"/>
              <a:t>(</a:t>
            </a:r>
            <a:r>
              <a:rPr lang="de-DE" dirty="0" err="1"/>
              <a:t>nums</a:t>
            </a:r>
            <a:r>
              <a:rPr lang="de-DE" dirty="0"/>
              <a:t>[i]), i++{			</a:t>
            </a:r>
            <a:r>
              <a:rPr lang="de-DE" dirty="0" err="1"/>
              <a:t>For</a:t>
            </a:r>
            <a:r>
              <a:rPr lang="de-DE" dirty="0"/>
              <a:t> schleife die durch die gesamte liste </a:t>
            </a:r>
            <a:r>
              <a:rPr lang="de-DE" dirty="0" err="1"/>
              <a:t>nums</a:t>
            </a:r>
            <a:r>
              <a:rPr lang="de-DE" dirty="0"/>
              <a:t>[i] geht</a:t>
            </a:r>
          </a:p>
          <a:p>
            <a:r>
              <a:rPr lang="de-DE" dirty="0"/>
              <a:t>		</a:t>
            </a:r>
            <a:r>
              <a:rPr lang="de-DE" dirty="0" err="1"/>
              <a:t>fmt.Println</a:t>
            </a:r>
            <a:r>
              <a:rPr lang="de-DE" dirty="0"/>
              <a:t>(</a:t>
            </a:r>
            <a:r>
              <a:rPr lang="de-DE" dirty="0" err="1"/>
              <a:t>nums</a:t>
            </a:r>
            <a:r>
              <a:rPr lang="de-DE" dirty="0"/>
              <a:t>[i][j])		Ausgabe vom </a:t>
            </a:r>
            <a:r>
              <a:rPr lang="de-DE" dirty="0" err="1"/>
              <a:t>element</a:t>
            </a:r>
            <a:r>
              <a:rPr lang="de-DE" dirty="0"/>
              <a:t> j der liste </a:t>
            </a:r>
            <a:r>
              <a:rPr lang="de-DE" dirty="0" err="1"/>
              <a:t>nums</a:t>
            </a:r>
            <a:r>
              <a:rPr lang="de-DE" dirty="0"/>
              <a:t>[i]</a:t>
            </a:r>
          </a:p>
          <a:p>
            <a:r>
              <a:rPr lang="de-DE" dirty="0"/>
              <a:t>	}</a:t>
            </a:r>
          </a:p>
          <a:p>
            <a:r>
              <a:rPr lang="de-DE" dirty="0"/>
              <a:t>}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CCFC2F49-BC5D-F0B1-881D-7BF37841893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0E792FD0-5174-8942-DEB8-0CFE7DF0E39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8E042E61-0E77-B48C-07AF-9751AD81CEF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1BF8AB91-F8B8-33EB-9586-BFEAC6FA4DD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3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6389D251-BBCF-F751-A8A1-5217CE4CCA05}"/>
              </a:ext>
            </a:extLst>
          </p:cNvPr>
          <p:cNvCxnSpPr/>
          <p:nvPr/>
        </p:nvCxnSpPr>
        <p:spPr bwMode="gray">
          <a:xfrm flipH="1">
            <a:off x="2501660" y="2596551"/>
            <a:ext cx="2096219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Gerade Verbindung mit Pfeil 9">
            <a:extLst>
              <a:ext uri="{FF2B5EF4-FFF2-40B4-BE49-F238E27FC236}">
                <a16:creationId xmlns:a16="http://schemas.microsoft.com/office/drawing/2014/main" id="{CBDF9C05-A2BD-5568-88A6-A1B881F3844B}"/>
              </a:ext>
            </a:extLst>
          </p:cNvPr>
          <p:cNvCxnSpPr/>
          <p:nvPr/>
        </p:nvCxnSpPr>
        <p:spPr bwMode="gray">
          <a:xfrm flipH="1">
            <a:off x="3549769" y="2904226"/>
            <a:ext cx="2096219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Gerade Verbindung mit Pfeil 10">
            <a:extLst>
              <a:ext uri="{FF2B5EF4-FFF2-40B4-BE49-F238E27FC236}">
                <a16:creationId xmlns:a16="http://schemas.microsoft.com/office/drawing/2014/main" id="{73455A97-52DF-4CEB-085A-D4E34D90BFD9}"/>
              </a:ext>
            </a:extLst>
          </p:cNvPr>
          <p:cNvCxnSpPr>
            <a:cxnSpLocks/>
          </p:cNvCxnSpPr>
          <p:nvPr/>
        </p:nvCxnSpPr>
        <p:spPr bwMode="gray">
          <a:xfrm flipH="1">
            <a:off x="3999781" y="3194648"/>
            <a:ext cx="1646207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241138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D6D2120-28E9-0421-22EB-A242731C5B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Aufgab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8CBC1637-87AD-621D-799E-AA59C541988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umme zahlen einer liste(slice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Gerade zahlen einer list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Kleines 1 mal 1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chnittmenge von zwei </a:t>
            </a:r>
            <a:r>
              <a:rPr lang="de-DE" dirty="0" err="1"/>
              <a:t>slices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Ungerade zahlen </a:t>
            </a:r>
            <a:r>
              <a:rPr lang="de-DE" dirty="0" err="1"/>
              <a:t>matrix</a:t>
            </a: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D4D4F9AF-244D-D6C6-87F0-EA86819EA33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BAEC04F4-80CD-9A1B-A8FB-94D0C5EA386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7468B94-E829-8BE6-CEBC-28C0B470DD8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85D2416F-68F0-E407-AA47-E3B701D929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66141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20B6DBE-078D-7AC2-8D67-0F3953493C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135BB83B-3810-1A1F-1D90-2D17DCB0C67A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de-DE" dirty="0" err="1"/>
              <a:t>func</a:t>
            </a:r>
            <a:r>
              <a:rPr lang="de-DE" dirty="0"/>
              <a:t> </a:t>
            </a:r>
            <a:r>
              <a:rPr lang="de-DE" dirty="0" err="1"/>
              <a:t>main</a:t>
            </a:r>
            <a:r>
              <a:rPr lang="de-DE" dirty="0"/>
              <a:t>() {		</a:t>
            </a:r>
          </a:p>
          <a:p>
            <a:r>
              <a:rPr lang="de-DE" dirty="0"/>
              <a:t>		code</a:t>
            </a:r>
          </a:p>
          <a:p>
            <a:r>
              <a:rPr lang="de-DE" dirty="0"/>
              <a:t>	}</a:t>
            </a:r>
          </a:p>
          <a:p>
            <a:r>
              <a:rPr lang="de-DE" dirty="0"/>
              <a:t>	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2514DD5-2FF2-3840-B840-531D5C74E89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548647E-960B-AB0C-3362-B6B79ACD57D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92A0E8F2-FDBB-F26E-12AC-56DA614530A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69A1C337-796B-A1B4-8804-E92E014B1C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171124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8720F99-616A-DDED-6DC2-8EA83D468E4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7D182EB-28DA-4089-2925-CAB0321520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1594806A-96C1-F297-DA18-E6FE49B94E4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r>
              <a:rPr lang="de-DE" dirty="0"/>
              <a:t>            Keyword  Funktionsname</a:t>
            </a:r>
          </a:p>
          <a:p>
            <a:r>
              <a:rPr lang="de-DE" dirty="0"/>
              <a:t>			Rückgabewerte</a:t>
            </a:r>
          </a:p>
          <a:p>
            <a:r>
              <a:rPr lang="de-DE" dirty="0"/>
              <a:t>	</a:t>
            </a:r>
            <a:r>
              <a:rPr lang="de-DE" dirty="0" err="1"/>
              <a:t>func</a:t>
            </a:r>
            <a:r>
              <a:rPr lang="de-DE" dirty="0"/>
              <a:t> </a:t>
            </a:r>
            <a:r>
              <a:rPr lang="de-DE" dirty="0" err="1"/>
              <a:t>main</a:t>
            </a:r>
            <a:r>
              <a:rPr lang="de-DE" dirty="0"/>
              <a:t>() {		Klammern zum begrenzen der Funktion</a:t>
            </a:r>
          </a:p>
          <a:p>
            <a:r>
              <a:rPr lang="de-DE" dirty="0"/>
              <a:t>		code</a:t>
            </a:r>
          </a:p>
          <a:p>
            <a:r>
              <a:rPr lang="de-DE" dirty="0"/>
              <a:t>	}</a:t>
            </a:r>
          </a:p>
          <a:p>
            <a:r>
              <a:rPr lang="de-DE" dirty="0"/>
              <a:t>	         Argumente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D4E2D9FD-9E2C-F6B0-D05F-4C6A45A1237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C39D6653-FE9C-1C8C-AC75-2D09B5DA716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3DA68742-CFB9-1FCE-434E-BCF442BF461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EF6C078D-F93D-AE1E-2C31-39167644AB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6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E725CBA2-8C99-3069-0C64-BFFAA0103AFE}"/>
              </a:ext>
            </a:extLst>
          </p:cNvPr>
          <p:cNvCxnSpPr/>
          <p:nvPr/>
        </p:nvCxnSpPr>
        <p:spPr bwMode="gray">
          <a:xfrm>
            <a:off x="1354347" y="2449902"/>
            <a:ext cx="0" cy="32780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Gerade Verbindung mit Pfeil 9">
            <a:extLst>
              <a:ext uri="{FF2B5EF4-FFF2-40B4-BE49-F238E27FC236}">
                <a16:creationId xmlns:a16="http://schemas.microsoft.com/office/drawing/2014/main" id="{452A0FC9-5744-2EE1-7676-212FF39697F6}"/>
              </a:ext>
            </a:extLst>
          </p:cNvPr>
          <p:cNvCxnSpPr/>
          <p:nvPr/>
        </p:nvCxnSpPr>
        <p:spPr bwMode="gray">
          <a:xfrm>
            <a:off x="1860429" y="2449902"/>
            <a:ext cx="0" cy="32780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Gerade Verbindung mit Pfeil 11">
            <a:extLst>
              <a:ext uri="{FF2B5EF4-FFF2-40B4-BE49-F238E27FC236}">
                <a16:creationId xmlns:a16="http://schemas.microsoft.com/office/drawing/2014/main" id="{D1F42C34-9C3C-6318-7862-27D3D8E06E8B}"/>
              </a:ext>
            </a:extLst>
          </p:cNvPr>
          <p:cNvCxnSpPr/>
          <p:nvPr/>
        </p:nvCxnSpPr>
        <p:spPr bwMode="gray">
          <a:xfrm flipV="1">
            <a:off x="2139351" y="3045125"/>
            <a:ext cx="0" cy="577969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Verbinder: gewinkelt 13">
            <a:extLst>
              <a:ext uri="{FF2B5EF4-FFF2-40B4-BE49-F238E27FC236}">
                <a16:creationId xmlns:a16="http://schemas.microsoft.com/office/drawing/2014/main" id="{A6D8DB22-9F46-0444-FCFC-970682B2E023}"/>
              </a:ext>
            </a:extLst>
          </p:cNvPr>
          <p:cNvCxnSpPr>
            <a:cxnSpLocks/>
          </p:cNvCxnSpPr>
          <p:nvPr/>
        </p:nvCxnSpPr>
        <p:spPr bwMode="gray">
          <a:xfrm rot="10800000" flipV="1">
            <a:off x="2216989" y="2570672"/>
            <a:ext cx="629728" cy="207032"/>
          </a:xfrm>
          <a:prstGeom prst="bentConnector3">
            <a:avLst>
              <a:gd name="adj1" fmla="val 99315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Gerade Verbindung mit Pfeil 17">
            <a:extLst>
              <a:ext uri="{FF2B5EF4-FFF2-40B4-BE49-F238E27FC236}">
                <a16:creationId xmlns:a16="http://schemas.microsoft.com/office/drawing/2014/main" id="{5EF610D4-EE94-2CC9-114E-4DF5BD673491}"/>
              </a:ext>
            </a:extLst>
          </p:cNvPr>
          <p:cNvCxnSpPr>
            <a:cxnSpLocks/>
          </p:cNvCxnSpPr>
          <p:nvPr/>
        </p:nvCxnSpPr>
        <p:spPr bwMode="gray">
          <a:xfrm flipH="1">
            <a:off x="2389517" y="2924355"/>
            <a:ext cx="1509623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761658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F1A5119-21C8-5BA5-983E-243E69C081F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7B22B03C-EF88-1196-E706-307E9D5C0A5D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en-US" dirty="0"/>
              <a:t> </a:t>
            </a:r>
            <a:r>
              <a:rPr lang="en-US" dirty="0" err="1"/>
              <a:t>func</a:t>
            </a:r>
            <a:r>
              <a:rPr lang="en-US" dirty="0"/>
              <a:t> </a:t>
            </a:r>
            <a:r>
              <a:rPr lang="en-US" dirty="0" err="1"/>
              <a:t>multiply_a_and_b</a:t>
            </a:r>
            <a:r>
              <a:rPr lang="en-US" dirty="0"/>
              <a:t>(a, b int) int {</a:t>
            </a:r>
          </a:p>
          <a:p>
            <a:r>
              <a:rPr lang="en-US" dirty="0"/>
              <a:t>    		return a*b</a:t>
            </a:r>
          </a:p>
          <a:p>
            <a:r>
              <a:rPr lang="en-US" dirty="0"/>
              <a:t>	}</a:t>
            </a:r>
          </a:p>
          <a:p>
            <a:endParaRPr lang="en-US" dirty="0"/>
          </a:p>
          <a:p>
            <a:r>
              <a:rPr lang="en-US" dirty="0"/>
              <a:t>		Aus </a:t>
            </a:r>
            <a:r>
              <a:rPr lang="en-US" dirty="0" err="1"/>
              <a:t>Funktion</a:t>
            </a:r>
            <a:r>
              <a:rPr lang="en-US" dirty="0"/>
              <a:t> </a:t>
            </a:r>
            <a:r>
              <a:rPr lang="en-US" dirty="0" err="1"/>
              <a:t>springen</a:t>
            </a:r>
            <a:r>
              <a:rPr lang="en-US" dirty="0"/>
              <a:t> und wert </a:t>
            </a:r>
            <a:r>
              <a:rPr lang="en-US" dirty="0" err="1"/>
              <a:t>nach</a:t>
            </a:r>
            <a:r>
              <a:rPr lang="en-US" dirty="0"/>
              <a:t> dem return </a:t>
            </a:r>
            <a:r>
              <a:rPr lang="en-US" dirty="0" err="1"/>
              <a:t>zurückgeben</a:t>
            </a:r>
            <a:endParaRPr lang="en-US" dirty="0"/>
          </a:p>
          <a:p>
            <a:endParaRPr lang="en-US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7451EC3F-196F-95E9-2F02-00BBDA3C78C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BC626AE-4EA6-62B5-3BDD-6F522BDF62F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F7FD6A41-99CB-FF8B-E023-182FE1BC232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DEC772B4-5527-EAF1-C26B-9889174B3C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7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3FA98F95-2C62-C834-A49A-F62A32215AFC}"/>
              </a:ext>
            </a:extLst>
          </p:cNvPr>
          <p:cNvCxnSpPr/>
          <p:nvPr/>
        </p:nvCxnSpPr>
        <p:spPr bwMode="gray">
          <a:xfrm flipV="1">
            <a:off x="2432649" y="3338423"/>
            <a:ext cx="0" cy="61247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659991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C7B694-7209-1383-DA64-15C5D9345B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B65F157-07D2-870F-132C-5CC69AC72B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C28AD927-CFCA-156F-6E8D-0E00492E884D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en-US" dirty="0"/>
              <a:t> </a:t>
            </a:r>
            <a:r>
              <a:rPr lang="en-US" dirty="0" err="1"/>
              <a:t>func</a:t>
            </a:r>
            <a:r>
              <a:rPr lang="en-US" dirty="0"/>
              <a:t> </a:t>
            </a:r>
            <a:r>
              <a:rPr lang="en-US" dirty="0" err="1"/>
              <a:t>multiply_a_and_b</a:t>
            </a:r>
            <a:r>
              <a:rPr lang="en-US" dirty="0"/>
              <a:t>(a, b int) int {</a:t>
            </a:r>
          </a:p>
          <a:p>
            <a:r>
              <a:rPr lang="en-US" dirty="0"/>
              <a:t>    		return a*b</a:t>
            </a:r>
          </a:p>
          <a:p>
            <a:r>
              <a:rPr lang="en-US" dirty="0"/>
              <a:t>	}</a:t>
            </a:r>
          </a:p>
          <a:p>
            <a:endParaRPr lang="en-US" dirty="0"/>
          </a:p>
          <a:p>
            <a:r>
              <a:rPr lang="en-US" dirty="0"/>
              <a:t>		Aus </a:t>
            </a:r>
            <a:r>
              <a:rPr lang="en-US" dirty="0" err="1"/>
              <a:t>Funktion</a:t>
            </a:r>
            <a:r>
              <a:rPr lang="en-US" dirty="0"/>
              <a:t> </a:t>
            </a:r>
            <a:r>
              <a:rPr lang="en-US" dirty="0" err="1"/>
              <a:t>springen</a:t>
            </a:r>
            <a:r>
              <a:rPr lang="en-US" dirty="0"/>
              <a:t> und wert </a:t>
            </a:r>
            <a:r>
              <a:rPr lang="en-US" dirty="0" err="1"/>
              <a:t>nach</a:t>
            </a:r>
            <a:r>
              <a:rPr lang="en-US" dirty="0"/>
              <a:t> dem return </a:t>
            </a:r>
            <a:r>
              <a:rPr lang="en-US" dirty="0" err="1"/>
              <a:t>zurückgeben</a:t>
            </a:r>
            <a:endParaRPr lang="en-US" dirty="0"/>
          </a:p>
          <a:p>
            <a:endParaRPr lang="en-US" dirty="0"/>
          </a:p>
          <a:p>
            <a:r>
              <a:rPr lang="en-US" dirty="0" err="1"/>
              <a:t>Bsp</a:t>
            </a:r>
            <a:r>
              <a:rPr lang="en-US" dirty="0"/>
              <a:t>:</a:t>
            </a:r>
          </a:p>
          <a:p>
            <a:r>
              <a:rPr lang="en-US" dirty="0"/>
              <a:t>	</a:t>
            </a:r>
            <a:r>
              <a:rPr lang="en-US" dirty="0" err="1"/>
              <a:t>multiply_a_and_b</a:t>
            </a:r>
            <a:r>
              <a:rPr lang="en-US" dirty="0"/>
              <a:t>(3, 5) 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84F2D82-A1E4-4760-0395-47F53B53A4F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A88EE61F-BE72-E73A-94E1-59FA763F7D0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E49DB4EB-ED11-385B-9347-A214759FE85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286812F-1930-70A7-2F89-3F1EAFE9170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8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5A8B197A-0FBA-FB3C-6ECF-80720C270997}"/>
              </a:ext>
            </a:extLst>
          </p:cNvPr>
          <p:cNvCxnSpPr/>
          <p:nvPr/>
        </p:nvCxnSpPr>
        <p:spPr bwMode="gray">
          <a:xfrm flipV="1">
            <a:off x="2432649" y="3338423"/>
            <a:ext cx="0" cy="61247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4022840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17D5D5E-CF52-2636-CFA8-803827F6CD0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C52AFE2-16C5-848F-3FE0-B0E509C442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CA1D686-8F5C-3599-99F7-5E4E7F4411BC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en-US" dirty="0"/>
              <a:t> </a:t>
            </a:r>
            <a:r>
              <a:rPr lang="en-US" dirty="0" err="1"/>
              <a:t>func</a:t>
            </a:r>
            <a:r>
              <a:rPr lang="en-US" dirty="0"/>
              <a:t> </a:t>
            </a:r>
            <a:r>
              <a:rPr lang="en-US" dirty="0" err="1"/>
              <a:t>multiply_a_and_b</a:t>
            </a:r>
            <a:r>
              <a:rPr lang="en-US" dirty="0"/>
              <a:t>(a, b int) int {</a:t>
            </a:r>
          </a:p>
          <a:p>
            <a:r>
              <a:rPr lang="en-US" dirty="0"/>
              <a:t>    		return a*b</a:t>
            </a:r>
          </a:p>
          <a:p>
            <a:r>
              <a:rPr lang="en-US" dirty="0"/>
              <a:t>	}</a:t>
            </a:r>
          </a:p>
          <a:p>
            <a:endParaRPr lang="en-US" dirty="0"/>
          </a:p>
          <a:p>
            <a:r>
              <a:rPr lang="en-US" dirty="0"/>
              <a:t>		Aus </a:t>
            </a:r>
            <a:r>
              <a:rPr lang="en-US" dirty="0" err="1"/>
              <a:t>Funktion</a:t>
            </a:r>
            <a:r>
              <a:rPr lang="en-US" dirty="0"/>
              <a:t> </a:t>
            </a:r>
            <a:r>
              <a:rPr lang="en-US" dirty="0" err="1"/>
              <a:t>springen</a:t>
            </a:r>
            <a:r>
              <a:rPr lang="en-US" dirty="0"/>
              <a:t> und wert </a:t>
            </a:r>
            <a:r>
              <a:rPr lang="en-US" dirty="0" err="1"/>
              <a:t>nach</a:t>
            </a:r>
            <a:r>
              <a:rPr lang="en-US" dirty="0"/>
              <a:t> dem return </a:t>
            </a:r>
            <a:r>
              <a:rPr lang="en-US" dirty="0" err="1"/>
              <a:t>zurückgeben</a:t>
            </a:r>
            <a:endParaRPr lang="en-US" dirty="0"/>
          </a:p>
          <a:p>
            <a:endParaRPr lang="en-US" dirty="0"/>
          </a:p>
          <a:p>
            <a:r>
              <a:rPr lang="en-US" dirty="0" err="1"/>
              <a:t>Bsp</a:t>
            </a:r>
            <a:r>
              <a:rPr lang="en-US" dirty="0"/>
              <a:t>:</a:t>
            </a:r>
          </a:p>
          <a:p>
            <a:r>
              <a:rPr lang="en-US" dirty="0"/>
              <a:t>	</a:t>
            </a:r>
            <a:r>
              <a:rPr lang="en-US" dirty="0" err="1"/>
              <a:t>multiply_a_and_b</a:t>
            </a:r>
            <a:r>
              <a:rPr lang="en-US" dirty="0"/>
              <a:t>(3, 5) </a:t>
            </a:r>
            <a:r>
              <a:rPr lang="en-US" dirty="0">
                <a:sym typeface="Wingdings" panose="05000000000000000000" pitchFamily="2" charset="2"/>
              </a:rPr>
              <a:t> 15</a:t>
            </a:r>
            <a:endParaRPr lang="en-US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749EF1A3-19D6-31CA-EA97-A6475D424A6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CE62E9AA-24A1-0554-BDAE-6219F0FE180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BFCECDE-4F30-14CA-8CAD-8DE15DA0CB6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4E81C871-CD3E-C404-F1A8-4AEC849D511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9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DDB560CA-15A3-8214-4197-BAFA0AB9840F}"/>
              </a:ext>
            </a:extLst>
          </p:cNvPr>
          <p:cNvCxnSpPr/>
          <p:nvPr/>
        </p:nvCxnSpPr>
        <p:spPr bwMode="gray">
          <a:xfrm flipV="1">
            <a:off x="2432649" y="3338423"/>
            <a:ext cx="0" cy="61247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8866441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F48BCF0-0C8D-99D9-F118-9C61CB7784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Mehrere </a:t>
            </a:r>
            <a:r>
              <a:rPr lang="de-DE" dirty="0" err="1"/>
              <a:t>rechnungen</a:t>
            </a:r>
            <a:endParaRPr lang="de-DE" dirty="0"/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A1A50C98-E4E5-606C-7E9A-70C5A5FB73D9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Mit klammern: () kann priorisiert werden, was zuerst gerechnet wird</a:t>
            </a:r>
          </a:p>
          <a:p>
            <a:r>
              <a:rPr lang="de-DE" dirty="0"/>
              <a:t>(3 + 4) * 5 </a:t>
            </a:r>
            <a:r>
              <a:rPr lang="de-DE" dirty="0">
                <a:sym typeface="Wingdings" panose="05000000000000000000" pitchFamily="2" charset="2"/>
              </a:rPr>
              <a:t> Machen</a:t>
            </a: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A54B8EDC-D4CE-D1E2-B528-BC329E72007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AE9472A-E396-7D03-BD26-A854F3A5E61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7A4433B-B130-121D-4CA7-471D7003F8FA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20A422F-0348-D014-D159-2B667B4A8E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38404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5276011-2D0C-5F02-7905-D271F37EAD7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Lokale variablen</a:t>
            </a:r>
          </a:p>
        </p:txBody>
      </p:sp>
      <p:pic>
        <p:nvPicPr>
          <p:cNvPr id="9" name="Inhaltsplatzhalter 8">
            <a:extLst>
              <a:ext uri="{FF2B5EF4-FFF2-40B4-BE49-F238E27FC236}">
                <a16:creationId xmlns:a16="http://schemas.microsoft.com/office/drawing/2014/main" id="{A09316FF-0FB5-97AF-1B2D-D38C28A842A5}"/>
              </a:ext>
            </a:extLst>
          </p:cNvPr>
          <p:cNvPicPr>
            <a:picLocks noGrp="1" noChangeAspect="1"/>
          </p:cNvPicPr>
          <p:nvPr>
            <p:ph sz="quarter" idx="16"/>
          </p:nvPr>
        </p:nvPicPr>
        <p:blipFill>
          <a:blip r:embed="rId2"/>
          <a:stretch>
            <a:fillRect/>
          </a:stretch>
        </p:blipFill>
        <p:spPr>
          <a:xfrm>
            <a:off x="3640732" y="1928813"/>
            <a:ext cx="4912124" cy="4248150"/>
          </a:xfrm>
        </p:spPr>
      </p:pic>
      <p:sp>
        <p:nvSpPr>
          <p:cNvPr id="4" name="Textplatzhalter 3">
            <a:extLst>
              <a:ext uri="{FF2B5EF4-FFF2-40B4-BE49-F238E27FC236}">
                <a16:creationId xmlns:a16="http://schemas.microsoft.com/office/drawing/2014/main" id="{8D4BB992-BEAD-8B70-4697-395D9DE0C92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D9C3BD8F-67F9-AD8D-AB5B-977C3759943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9F64EAC5-8CD9-524C-93A4-AB078F8F844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E8D47BE6-E4D6-E6F2-4F32-122B15CD7F5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239539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FD8162C-A814-D2E9-73CE-70A21B0ECA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Tests</a:t>
            </a:r>
          </a:p>
        </p:txBody>
      </p:sp>
      <p:pic>
        <p:nvPicPr>
          <p:cNvPr id="13" name="Inhaltsplatzhalter 12">
            <a:extLst>
              <a:ext uri="{FF2B5EF4-FFF2-40B4-BE49-F238E27FC236}">
                <a16:creationId xmlns:a16="http://schemas.microsoft.com/office/drawing/2014/main" id="{5DFB5CE9-D684-5D3B-4B2C-B1DF75563FC6}"/>
              </a:ext>
            </a:extLst>
          </p:cNvPr>
          <p:cNvPicPr>
            <a:picLocks noGrp="1" noChangeAspect="1"/>
          </p:cNvPicPr>
          <p:nvPr>
            <p:ph sz="quarter" idx="16"/>
          </p:nvPr>
        </p:nvPicPr>
        <p:blipFill>
          <a:blip r:embed="rId2"/>
          <a:stretch>
            <a:fillRect/>
          </a:stretch>
        </p:blipFill>
        <p:spPr>
          <a:xfrm>
            <a:off x="504045" y="1923286"/>
            <a:ext cx="5591955" cy="3877216"/>
          </a:xfrm>
        </p:spPr>
      </p:pic>
      <p:sp>
        <p:nvSpPr>
          <p:cNvPr id="4" name="Textplatzhalter 3">
            <a:extLst>
              <a:ext uri="{FF2B5EF4-FFF2-40B4-BE49-F238E27FC236}">
                <a16:creationId xmlns:a16="http://schemas.microsoft.com/office/drawing/2014/main" id="{61A4ABE4-B0E3-42BE-5DA2-44DE284A85E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33482EF2-5366-6754-D766-1E5CB127618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4C01A1E2-D925-6481-1977-3784743C88D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2C5513-C405-A052-CAAB-50E2F8C32B5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1</a:t>
            </a:fld>
            <a:endParaRPr lang="en-US" dirty="0"/>
          </a:p>
        </p:txBody>
      </p:sp>
      <p:pic>
        <p:nvPicPr>
          <p:cNvPr id="15" name="Grafik 14">
            <a:extLst>
              <a:ext uri="{FF2B5EF4-FFF2-40B4-BE49-F238E27FC236}">
                <a16:creationId xmlns:a16="http://schemas.microsoft.com/office/drawing/2014/main" id="{B1A33590-A23E-9390-7B95-4040CAE9F3C8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b="15918"/>
          <a:stretch>
            <a:fillRect/>
          </a:stretch>
        </p:blipFill>
        <p:spPr>
          <a:xfrm>
            <a:off x="6540668" y="1909796"/>
            <a:ext cx="5001323" cy="4028991"/>
          </a:xfrm>
          <a:prstGeom prst="rect">
            <a:avLst/>
          </a:prstGeom>
        </p:spPr>
      </p:pic>
      <p:cxnSp>
        <p:nvCxnSpPr>
          <p:cNvPr id="17" name="Gerade Verbindung mit Pfeil 16">
            <a:extLst>
              <a:ext uri="{FF2B5EF4-FFF2-40B4-BE49-F238E27FC236}">
                <a16:creationId xmlns:a16="http://schemas.microsoft.com/office/drawing/2014/main" id="{226D17FF-CE96-9017-AF90-6EF644FC4665}"/>
              </a:ext>
            </a:extLst>
          </p:cNvPr>
          <p:cNvCxnSpPr/>
          <p:nvPr/>
        </p:nvCxnSpPr>
        <p:spPr bwMode="gray">
          <a:xfrm flipV="1">
            <a:off x="6699183" y="4061861"/>
            <a:ext cx="0" cy="500514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Textfeld 17">
            <a:extLst>
              <a:ext uri="{FF2B5EF4-FFF2-40B4-BE49-F238E27FC236}">
                <a16:creationId xmlns:a16="http://schemas.microsoft.com/office/drawing/2014/main" id="{E87F86AF-9223-C0E4-ED6F-BBC54256089B}"/>
              </a:ext>
            </a:extLst>
          </p:cNvPr>
          <p:cNvSpPr txBox="1"/>
          <p:nvPr/>
        </p:nvSpPr>
        <p:spPr bwMode="gray">
          <a:xfrm>
            <a:off x="6540668" y="4666891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Hier Ausführen</a:t>
            </a:r>
          </a:p>
        </p:txBody>
      </p:sp>
      <p:cxnSp>
        <p:nvCxnSpPr>
          <p:cNvPr id="20" name="Gerade Verbindung mit Pfeil 19">
            <a:extLst>
              <a:ext uri="{FF2B5EF4-FFF2-40B4-BE49-F238E27FC236}">
                <a16:creationId xmlns:a16="http://schemas.microsoft.com/office/drawing/2014/main" id="{B72133C3-5F61-4F39-CB83-B0FFC2FD6D96}"/>
              </a:ext>
            </a:extLst>
          </p:cNvPr>
          <p:cNvCxnSpPr/>
          <p:nvPr/>
        </p:nvCxnSpPr>
        <p:spPr bwMode="gray">
          <a:xfrm flipH="1">
            <a:off x="8151962" y="3295291"/>
            <a:ext cx="577970" cy="491705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Textfeld 20">
            <a:extLst>
              <a:ext uri="{FF2B5EF4-FFF2-40B4-BE49-F238E27FC236}">
                <a16:creationId xmlns:a16="http://schemas.microsoft.com/office/drawing/2014/main" id="{C4C61739-E2C4-DF76-AF46-40334BDDC937}"/>
              </a:ext>
            </a:extLst>
          </p:cNvPr>
          <p:cNvSpPr txBox="1"/>
          <p:nvPr/>
        </p:nvSpPr>
        <p:spPr bwMode="gray">
          <a:xfrm>
            <a:off x="8867955" y="3200400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 err="1">
                <a:solidFill>
                  <a:schemeClr val="bg1"/>
                </a:solidFill>
              </a:rPr>
              <a:t>Example</a:t>
            </a:r>
            <a:r>
              <a:rPr lang="de-DE" sz="1400" dirty="0">
                <a:solidFill>
                  <a:schemeClr val="bg1"/>
                </a:solidFill>
              </a:rPr>
              <a:t> macht test-funktion</a:t>
            </a:r>
          </a:p>
        </p:txBody>
      </p:sp>
      <p:sp>
        <p:nvSpPr>
          <p:cNvPr id="22" name="Textfeld 21">
            <a:extLst>
              <a:ext uri="{FF2B5EF4-FFF2-40B4-BE49-F238E27FC236}">
                <a16:creationId xmlns:a16="http://schemas.microsoft.com/office/drawing/2014/main" id="{BF6CBC70-6ADB-20E2-5490-0E67A92BBC02}"/>
              </a:ext>
            </a:extLst>
          </p:cNvPr>
          <p:cNvSpPr txBox="1"/>
          <p:nvPr/>
        </p:nvSpPr>
        <p:spPr bwMode="gray">
          <a:xfrm>
            <a:off x="8514271" y="5043095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Erwartete Ausgabe auf der Konsole</a:t>
            </a:r>
          </a:p>
        </p:txBody>
      </p:sp>
    </p:spTree>
    <p:extLst>
      <p:ext uri="{BB962C8B-B14F-4D97-AF65-F5344CB8AC3E}">
        <p14:creationId xmlns:p14="http://schemas.microsoft.com/office/powerpoint/2010/main" val="40307492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8220EEA-D048-8AE6-C210-4E8815CEEEEE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54CDD640-6055-43DB-A9D3-529B9F9D6962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B855FF7-F525-FBDB-1F1A-D3424364C82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D2B47D-22F5-8648-8AD6-AF9B29531AB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53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387891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38F4EA2-82CC-6BDE-7DDF-1A4FF24EC4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Unterschiedliche Datentyp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98BD97EF-3F5D-32EB-98B2-DC84D2735736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Es gibt ganze Zahlen 3,  5, -2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BE00DF69-362C-6FB3-8F72-519CD061678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277A2F4F-82C9-38FE-C526-401064F0C42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3FF3352B-F4CC-E85D-635A-02C3EF464DB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EA04FC0-2FC6-61C0-1543-2299B4A0FFB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66547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62EE788-2B8C-1207-179B-A127DFEFC34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5E5E03D-DB57-0391-DB2F-091C27F006B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Unterschiedliche Datentyp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E21F06D3-00A7-EB1B-FED6-9B400B042EA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Es gibt ganze Zahlen 3,  5, -2</a:t>
            </a:r>
          </a:p>
          <a:p>
            <a:endParaRPr lang="de-DE" dirty="0"/>
          </a:p>
          <a:p>
            <a:r>
              <a:rPr lang="de-DE" dirty="0"/>
              <a:t>Es gibt Kommazahlen 3.2, 4.6</a:t>
            </a:r>
          </a:p>
          <a:p>
            <a:endParaRPr lang="de-DE" dirty="0"/>
          </a:p>
          <a:p>
            <a:r>
              <a:rPr lang="de-DE" dirty="0"/>
              <a:t>Rechnet mit Kommazahl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A4E75BA0-704D-6788-D32F-463E2EFEBC8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8187AD20-9E85-8AFE-F988-DE326D3701F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C6F3AEBB-89BC-BF14-DDF9-D9036E00680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A33DB0D1-AF18-91E3-4F4D-CB2A3B012B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858567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B17BA4-D247-0C44-10B4-50593B9698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F8DC96C-9755-79B5-0779-B5295B45A3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Unterschiedliche Datentyp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17ED59BD-1B69-4084-8D8D-4CEFF3B48865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Es gibt ganze Zahlen 3,  5, -2</a:t>
            </a:r>
          </a:p>
          <a:p>
            <a:endParaRPr lang="de-DE" dirty="0"/>
          </a:p>
          <a:p>
            <a:r>
              <a:rPr lang="de-DE" dirty="0"/>
              <a:t>Es gibt Kommazahlen 3.2, 4.6</a:t>
            </a:r>
          </a:p>
          <a:p>
            <a:endParaRPr lang="de-DE" dirty="0"/>
          </a:p>
          <a:p>
            <a:r>
              <a:rPr lang="de-DE" dirty="0"/>
              <a:t>Rechnet mit Kommazahlen</a:t>
            </a:r>
          </a:p>
          <a:p>
            <a:endParaRPr lang="de-DE" dirty="0"/>
          </a:p>
          <a:p>
            <a:r>
              <a:rPr lang="de-DE" dirty="0"/>
              <a:t>Rechnet % mit Kommazahlen, was fällt euch auf?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FA59818A-E58F-3B8C-D5DE-4B1DF6B7313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E08ABFAC-424A-599F-D0CB-DF5B45BD5EB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DEE1A85-9171-931B-5C0F-3BEB4E316C8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FB12F373-9D72-17C3-E3B4-A55D5661B9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2923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>
            <a:extLst>
              <a:ext uri="{FF2B5EF4-FFF2-40B4-BE49-F238E27FC236}">
                <a16:creationId xmlns:a16="http://schemas.microsoft.com/office/drawing/2014/main" id="{477717DE-B1B0-34B0-74AD-46750178BF8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dirty="0"/>
              <a:t>Fehler verstehen</a:t>
            </a: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7CADFB7D-D4E4-3DF1-41A1-B28E7EB9319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199" y="2515803"/>
            <a:ext cx="11530011" cy="3075743"/>
          </a:xfrm>
          <a:prstGeom prst="rect">
            <a:avLst/>
          </a:prstGeom>
          <a:noFill/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A19166B3-2B68-2C0A-5F6A-69DC385563C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/>
          <a:lstStyle/>
          <a:p>
            <a:endParaRPr lang="en-US"/>
          </a:p>
        </p:txBody>
      </p:sp>
      <p:sp>
        <p:nvSpPr>
          <p:cNvPr id="18" name="Footer Placeholder 4">
            <a:extLst>
              <a:ext uri="{FF2B5EF4-FFF2-40B4-BE49-F238E27FC236}">
                <a16:creationId xmlns:a16="http://schemas.microsoft.com/office/drawing/2014/main" id="{3F9981D1-C534-DCC1-5ACC-EF85E7989E1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B676EA08-A279-599D-D147-B4AE801E064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September 9, 2025</a:t>
            </a:fld>
            <a:endParaRPr lang="en-US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78B84F39-69C4-2556-FED1-5BFE63B115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406519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ABB NEW">
      <a:dk1>
        <a:srgbClr val="000000"/>
      </a:dk1>
      <a:lt1>
        <a:srgbClr val="FFFFFF"/>
      </a:lt1>
      <a:dk2>
        <a:srgbClr val="6764F6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FF000F"/>
      </a:hlink>
      <a:folHlink>
        <a:srgbClr val="6E6E6E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Chart 1">
      <a:srgbClr val="FF000F"/>
    </a:custClr>
    <a:custClr name="Chart 2">
      <a:srgbClr val="FF957E"/>
    </a:custClr>
    <a:custClr name="Chart 3">
      <a:srgbClr val="FFDCCD"/>
    </a:custClr>
    <a:custClr name="Chart 4">
      <a:srgbClr val="6764F6"/>
    </a:custClr>
    <a:custClr name="Chart 5">
      <a:srgbClr val="93A1FF"/>
    </a:custClr>
    <a:custClr name="Chart 6">
      <a:srgbClr val="E4E7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Chart 7">
      <a:srgbClr val="000000"/>
    </a:custClr>
    <a:custClr name="Chart 8">
      <a:srgbClr val="6E6E6E"/>
    </a:custClr>
    <a:custClr name="Chart 9">
      <a:srgbClr val="A9A9A9"/>
    </a:custClr>
    <a:custClr name="Chart 10">
      <a:srgbClr val="D2D2D2"/>
    </a:custClr>
    <a:custClr name="Chart 11">
      <a:srgbClr val="F0F0F0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lue">
      <a:srgbClr val="004C97"/>
    </a:custClr>
    <a:custClr name="Green">
      <a:srgbClr val="007A33"/>
    </a:custClr>
    <a:custClr name="Yellow">
      <a:srgbClr val="FFD100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10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npIDexmnRzOcjhpjclFbEw=="},{"name":"ProjectName","value":"npIDexmnRzOcjhpjclFbEw=="},{"name":"Revision","value":"npIDexmnRzOcjhpjclFbEw=="},{"name":"ApprovalDate","value":"npIDexmnRzOcjhpjclFbEw=="},{"name":"ApprovedByPerson","value":"npIDexmnRzOcjhpjclFbEw=="},{"name":"PreparedDate","value":"npIDexmnRzOcjhpjclFbEw=="},{"name":"PreparedByPerson","value":"npIDexmnRzOcjhpjclFbEw=="},{"name":"DocumentKind","value":"EqfNdjmDLMD5/9QAKm3UDaCkF7Q4ZKW1Cg5g5MojjLk="},{"name":"Language","value":"nVWUwVCH4hPlxqXy4HP9YtfdIMCGVn0BS77jADLFKoo="},{"name":"LifeCycleStatus","value":"QnWOujKLJp1RvJFaXvBl6HPTKUr9NiUrF8/eA/+Hz0E="},{"name":"OwningOrganization","value":"npIDexmnRzOcjhpjclFbEw=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TemplateConfiguration><![CDATA[{"elementsMetadata":[{"type":"shape","id":"db5cd5fe-ca5a-49e7-b0e9-fa19bdb8bd52","elementConfiguration":{"binding":"{{FormatDateTime(Form.PreparedDate, \"MMMM d, yyyy\")}}","visibility":"","type":"text","disableUpdates":false}},{"type":"shape","id":"26a6b919-ad85-4c29-9dc6-8a39abc52528","elementConfiguration":{"width":"4.25 cm","height":"0.7 cm","image":"{{Form.SecurityLevel.Classification}}","type":"image","disableUpdates":false}},{"type":"shape","id":"6423a713-0afa-4251-9abc-aa3d7966b65c","elementConfiguration":{"width":"4.25 cm","height":"0.7 cm","image":"{{Form.SecurityLevel.Classification}}","type":"image","disableUpdates":false}},{"type":"shape","id":"e33684ef-9666-4f66-9564-53b43d16e8aa","elementConfiguration":{"width":"4.25 cm","height":"0.7 cm","image":"{{Form.SecurityLevel.Classification}}","type":"image","disableUpdates":false}},{"type":"shape","id":"66d54d15-a718-4227-9c5a-a9aa97af6962","elementConfiguration":{"width":"4.25 cm","height":"0.7 cm","image":"{{Form.SecurityLevel.Classification}}","type":"image","disableUpdates":false}},{"type":"shape","id":"37a5bbaa-a140-4123-8c17-996a6cedb2f9","elementConfiguration":{"width":"4.25 cm","height":"0.7 cm","image":"{{Form.SecurityLevel.Classification}}","type":"image","disableUpdates":false}},{"type":"shape","id":"d7d7ee78-7152-43c9-b6ef-854a0729f692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Official PowerPoint Template (EtO)","templateDescription":"","enableDocumentContentUpdater":true,"version":"2.0"}]]></TemplafyTemplateConfiguration>
</file>

<file path=customXml/item13.xml><?xml version="1.0" encoding="utf-8"?>
<TemplafySlideTemplateConfiguration><![CDATA[{"slideVersion":1,"isValidatorEnabled":false,"isLocked":false,"elementsMetadata":[],"slideId":"1233787476233682946","enableDocumentContentUpdater":false,"version":"2.0"}]]></TemplafySlideTemplateConfiguration>
</file>

<file path=customXml/item14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15.xml><?xml version="1.0" encoding="utf-8"?>
<TemplafySlideTemplateConfiguration><![CDATA[{"slideVersion":1,"isValidatorEnabled":false,"isLocked":false,"elementsMetadata":[],"slideId":"1233787476233682945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1233787476233682945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1233787476233682944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SlideTemplateConfiguration><![CDATA[{"slideVersion":1,"isValidatorEnabled":false,"isLocked":false,"elementsMetadata":[],"slideId":"1233787476233682947","enableDocumentContentUpdater":false,"version":"2.0"}]]></TemplafySlide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</TermName>
          <TermId xmlns="http://schemas.microsoft.com/office/infopath/2007/PartnerControls">645eeacf-9e24-46f0-b6e5-4c5343c3dda6</TermId>
        </TermInfo>
      </Terms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5.xml><?xml version="1.0" encoding="utf-8"?>
<TemplafySlideFormConfiguration><![CDATA[{"formFields":[],"formDataEntries":[]}]]></TemplafySlideFormConfiguration>
</file>

<file path=customXml/item6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 (light photo)" shape-1-name-1="Revision" shape-1-name-2="Copyright" shape-1-name-3="DocumentID" shape-1-name-4="Logo" shape-1-name-5="Classification" layout-2-name="Cover D (dark photo)" shape-2-name-1="Revision" shape-2-name-2="Copyright" shape-2-name-3="DocumentID" shape-2-name-4="Logo" shape-2-name-5="Classification" layout-3-name="Cover E" shape-3-name-1="Classification" layout-4-name="Cover F" shape-4-name-1="Classification" shape-4-name-2="Logo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7.xml><?xml version="1.0" encoding="utf-8"?>
<TemplafySlideTemplateConfiguration><![CDATA[{"slideVersion":1,"isValidatorEnabled":false,"isLocked":false,"elementsMetadata":[],"slideId":"1233787476233682945","enableDocumentContentUpdater":false,"version":"2.0"}]]></TemplafySlideTemplate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ECD800E-71F1-48A7-95FD-4E027165EBAE}">
  <ds:schemaRefs/>
</ds:datastoreItem>
</file>

<file path=customXml/itemProps10.xml><?xml version="1.0" encoding="utf-8"?>
<ds:datastoreItem xmlns:ds="http://schemas.openxmlformats.org/officeDocument/2006/customXml" ds:itemID="{88746BAB-2507-4F3A-B16E-ED38367EE530}">
  <ds:schemaRefs/>
</ds:datastoreItem>
</file>

<file path=customXml/itemProps11.xml><?xml version="1.0" encoding="utf-8"?>
<ds:datastoreItem xmlns:ds="http://schemas.openxmlformats.org/officeDocument/2006/customXml" ds:itemID="{96908907-C6A3-4927-AC29-F52FF6F91D81}">
  <ds:schemaRefs/>
</ds:datastoreItem>
</file>

<file path=customXml/itemProps12.xml><?xml version="1.0" encoding="utf-8"?>
<ds:datastoreItem xmlns:ds="http://schemas.openxmlformats.org/officeDocument/2006/customXml" ds:itemID="{D2280EEE-F7B5-4B82-8B3F-6C5291CE43BF}">
  <ds:schemaRefs/>
</ds:datastoreItem>
</file>

<file path=customXml/itemProps13.xml><?xml version="1.0" encoding="utf-8"?>
<ds:datastoreItem xmlns:ds="http://schemas.openxmlformats.org/officeDocument/2006/customXml" ds:itemID="{DD3C33AD-792D-4526-B706-A09FEA4C6707}">
  <ds:schemaRefs/>
</ds:datastoreItem>
</file>

<file path=customXml/itemProps14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15.xml><?xml version="1.0" encoding="utf-8"?>
<ds:datastoreItem xmlns:ds="http://schemas.openxmlformats.org/officeDocument/2006/customXml" ds:itemID="{F252D62F-39EC-4DD0-BEC3-C6DA0BA56E06}">
  <ds:schemaRefs/>
</ds:datastoreItem>
</file>

<file path=customXml/itemProps16.xml><?xml version="1.0" encoding="utf-8"?>
<ds:datastoreItem xmlns:ds="http://schemas.openxmlformats.org/officeDocument/2006/customXml" ds:itemID="{53FDCCDB-D104-49A3-BFA2-C11FC15DB364}">
  <ds:schemaRefs/>
</ds:datastoreItem>
</file>

<file path=customXml/itemProps17.xml><?xml version="1.0" encoding="utf-8"?>
<ds:datastoreItem xmlns:ds="http://schemas.openxmlformats.org/officeDocument/2006/customXml" ds:itemID="{29D7A846-0DA2-42A4-98F2-11B97807D5A0}">
  <ds:schemaRefs/>
</ds:datastoreItem>
</file>

<file path=customXml/itemProps18.xml><?xml version="1.0" encoding="utf-8"?>
<ds:datastoreItem xmlns:ds="http://schemas.openxmlformats.org/officeDocument/2006/customXml" ds:itemID="{583016FA-8CF4-49F0-B3A3-2E0DED7C71BA}">
  <ds:schemaRefs/>
</ds:datastoreItem>
</file>

<file path=customXml/itemProps19.xml><?xml version="1.0" encoding="utf-8"?>
<ds:datastoreItem xmlns:ds="http://schemas.openxmlformats.org/officeDocument/2006/customXml" ds:itemID="{55E46940-6434-4A2E-97B3-DE85BC1783F5}">
  <ds:schemaRefs/>
</ds:datastoreItem>
</file>

<file path=customXml/itemProps2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17737E7C-FF8E-4947-8556-019F4675B7F5}">
  <ds:schemaRefs/>
</ds:datastoreItem>
</file>

<file path=customXml/itemProps4.xml><?xml version="1.0" encoding="utf-8"?>
<ds:datastoreItem xmlns:ds="http://schemas.openxmlformats.org/officeDocument/2006/customXml" ds:itemID="{20F01761-FF92-45AA-AFD3-07A4C4C43484}">
  <ds:schemaRefs>
    <ds:schemaRef ds:uri="http://schemas.openxmlformats.org/package/2006/metadata/core-properties"/>
    <ds:schemaRef ds:uri="http://schemas.microsoft.com/office/2006/documentManagement/types"/>
    <ds:schemaRef ds:uri="71d29222-2c5f-45ad-9aa5-4c2d15fddbe9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8265113A-9CF8-4F3C-A204-F97A907EC37F}">
  <ds:schemaRefs/>
</ds:datastoreItem>
</file>

<file path=customXml/itemProps6.xml><?xml version="1.0" encoding="utf-8"?>
<ds:datastoreItem xmlns:ds="http://schemas.openxmlformats.org/officeDocument/2006/customXml" ds:itemID="{3701DADA-2F68-45DF-8F02-C8ED25A02974}">
  <ds:schemaRefs/>
</ds:datastoreItem>
</file>

<file path=customXml/itemProps7.xml><?xml version="1.0" encoding="utf-8"?>
<ds:datastoreItem xmlns:ds="http://schemas.openxmlformats.org/officeDocument/2006/customXml" ds:itemID="{20F5C750-582F-46BB-A4BF-CBC0EFE7CA78}">
  <ds:schemaRefs/>
</ds:datastoreItem>
</file>

<file path=customXml/itemProps8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533CB267-7504-42FA-9E71-43DA184A147C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0</TotalTime>
  <Words>1930</Words>
  <Application>Microsoft Office PowerPoint</Application>
  <PresentationFormat>Breitbild</PresentationFormat>
  <Paragraphs>497</Paragraphs>
  <Slides>53</Slides>
  <Notes>0</Notes>
  <HiddenSlides>1</HiddenSlides>
  <MMClips>0</MMClips>
  <ScaleCrop>false</ScaleCrop>
  <HeadingPairs>
    <vt:vector size="6" baseType="variant">
      <vt:variant>
        <vt:lpstr>Verwendete Schriftarten</vt:lpstr>
      </vt:variant>
      <vt:variant>
        <vt:i4>5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53</vt:i4>
      </vt:variant>
    </vt:vector>
  </HeadingPairs>
  <TitlesOfParts>
    <vt:vector size="59" baseType="lpstr">
      <vt:lpstr>Wingdings</vt:lpstr>
      <vt:lpstr>ABBvoice Display SemiBold</vt:lpstr>
      <vt:lpstr>Arial</vt:lpstr>
      <vt:lpstr>ABBvoice Light</vt:lpstr>
      <vt:lpstr>ABBvoice</vt:lpstr>
      <vt:lpstr>ABB Master</vt:lpstr>
      <vt:lpstr>Zahlen</vt:lpstr>
      <vt:lpstr>Wie kann man Zahlen ausgeben</vt:lpstr>
      <vt:lpstr>Wie kann man Zahlen ausgeben</vt:lpstr>
      <vt:lpstr>Wie kann man Zahlen ausgeben</vt:lpstr>
      <vt:lpstr>Mehrere rechnungen</vt:lpstr>
      <vt:lpstr>Unterschiedliche Datentypen</vt:lpstr>
      <vt:lpstr>Unterschiedliche Datentypen</vt:lpstr>
      <vt:lpstr>Unterschiedliche Datentypen</vt:lpstr>
      <vt:lpstr>Fehler verstehen</vt:lpstr>
      <vt:lpstr>Fehler verstehen</vt:lpstr>
      <vt:lpstr>Fehler verstehen</vt:lpstr>
      <vt:lpstr>Fehler verstehen</vt:lpstr>
      <vt:lpstr>Wahrheitswerte</vt:lpstr>
      <vt:lpstr>Wahrheitswerte</vt:lpstr>
      <vt:lpstr>Wahrheitswerte</vt:lpstr>
      <vt:lpstr>Variablen, was ist das?</vt:lpstr>
      <vt:lpstr>Variablen, was ist das?</vt:lpstr>
      <vt:lpstr>Variablen, was ist das?</vt:lpstr>
      <vt:lpstr>Variablen, was ist das?</vt:lpstr>
      <vt:lpstr>Variablen, was ist das?</vt:lpstr>
      <vt:lpstr>Probiert es aus!</vt:lpstr>
      <vt:lpstr>Probiert es aus!</vt:lpstr>
      <vt:lpstr>Probiert es aus!</vt:lpstr>
      <vt:lpstr>Probiert es aus!</vt:lpstr>
      <vt:lpstr>Funktionen selbst schreiben</vt:lpstr>
      <vt:lpstr>Funktionen selbst schreiben</vt:lpstr>
      <vt:lpstr>If Funktion</vt:lpstr>
      <vt:lpstr>If Funktion</vt:lpstr>
      <vt:lpstr>If Funktion</vt:lpstr>
      <vt:lpstr>Else </vt:lpstr>
      <vt:lpstr>Else </vt:lpstr>
      <vt:lpstr>Else und if kombinieren</vt:lpstr>
      <vt:lpstr>Else und if kombinieren </vt:lpstr>
      <vt:lpstr>Aufgaben</vt:lpstr>
      <vt:lpstr>While Schleife</vt:lpstr>
      <vt:lpstr>For Schleife </vt:lpstr>
      <vt:lpstr>Aufgaben</vt:lpstr>
      <vt:lpstr>Listen</vt:lpstr>
      <vt:lpstr>Listen</vt:lpstr>
      <vt:lpstr>Elemente Aufrufen</vt:lpstr>
      <vt:lpstr>Mehrdimensionale listen</vt:lpstr>
      <vt:lpstr>Mehrdimensionale listen</vt:lpstr>
      <vt:lpstr>Verschachtelte for schleifen</vt:lpstr>
      <vt:lpstr>Aufgaben</vt:lpstr>
      <vt:lpstr>Funktionen</vt:lpstr>
      <vt:lpstr>Funktionen</vt:lpstr>
      <vt:lpstr>Funktionen</vt:lpstr>
      <vt:lpstr>Funktionen</vt:lpstr>
      <vt:lpstr>Funktionen</vt:lpstr>
      <vt:lpstr>Lokale variablen</vt:lpstr>
      <vt:lpstr>Tests</vt:lpstr>
      <vt:lpstr>PowerPoint-Präsentation</vt:lpstr>
      <vt:lpstr>PowerPoint-Prä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BB</dc:creator>
  <cp:lastModifiedBy>Luis Elsen-Messmer</cp:lastModifiedBy>
  <cp:revision>85</cp:revision>
  <dcterms:created xsi:type="dcterms:W3CDTF">2025-08-13T11:51:30Z</dcterms:created>
  <dcterms:modified xsi:type="dcterms:W3CDTF">2025-09-09T06:56:0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5-07-21T09:42:46</vt:lpwstr>
  </property>
  <property fmtid="{D5CDD505-2E9C-101B-9397-08002B2CF9AE}" pid="7" name="TemplafyTenantId">
    <vt:lpwstr>abb</vt:lpwstr>
  </property>
  <property fmtid="{D5CDD505-2E9C-101B-9397-08002B2CF9AE}" pid="8" name="TemplafyTemplateId">
    <vt:lpwstr>1233787476087144544</vt:lpwstr>
  </property>
  <property fmtid="{D5CDD505-2E9C-101B-9397-08002B2CF9AE}" pid="9" name="TemplafyUserProfileId">
    <vt:lpwstr>964854138897432589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true</vt:bool>
  </property>
</Properties>
</file>